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258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CB6D2C-D5EC-4F50-81CF-1709FDC36F5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ECDD607-CCD3-43C8-BDC9-B369712DA0A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FEC948-406D-4FF2-8854-51DF26D28B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341D10-9195-4635-A56F-D8BDCE8729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90D62D5-C68C-4186-B15E-6B60053B83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750189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24A4DE-CC36-45DF-8A2B-B1E87F6362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0B337FC-DEDD-43F3-AD09-7D906FFE188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5197B5-1545-4B47-83DA-21CEB19549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70CBD7-62F6-4BB8-B24B-41C7AE806A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4CAE38F-5F92-4A48-8871-25064B3ABA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892916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6DC46F6-2B29-4D89-B304-5C0F696D47F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85445C3-0752-4AA7-8307-F459DF6F810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7179D4C-1D78-43D7-9523-915489838D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9BA7B83-D260-4756-AF5E-11E7CC72B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DD3BBFF-49BD-4F29-B0F1-C631C54258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565799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CA9796-C42B-4775-9A30-692793B10B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B0A192-ECCB-46F4-A96E-0A7E17ED56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6B53D19-09D5-4ACA-AB59-D79FD772B4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6ACD51A-A057-415A-8C12-C8AC590EBB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ED30AA0-21B8-49D7-9803-A4E4D98B22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022201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3B3219-96D9-4AB7-8BC0-3B78C91192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463D73E-7168-485C-AB30-DD8843F35BE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A85F76-9DB8-4DD1-A1F5-782F634B68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5356AE8-CBD1-4043-8BCB-88A68D220F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FB65C8-A394-45E7-A668-8812D40A93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2671963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114687-9BB3-4EEA-B672-8F0F3B6C13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68FC65-137B-43CC-94E0-7875F5F38B2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69E90E4-5ED1-4255-B0F3-ADA7D7D8381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904914F-B248-42DE-9C55-ACEA6D0291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C9D04F5-687B-49D1-82A5-B774E779FD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06BA89C-BDB4-443D-BDFD-DC1372F169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52835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D35D8F-B196-41C4-90E2-D6A416B5FE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4ED7145-A66F-43FD-822F-6A713E69300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F00B454-1230-483A-AE16-F77E11BE34C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A3E1974-6332-4CAC-9F84-C56C3C300A6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4C2299F-0E57-4119-880E-37A26C9E4AB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1741C6D-2C8C-477F-946D-6A63D95C7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2057E20-F881-48D5-A6D9-730A82FCEC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0E763F6-2216-4C6A-B744-9A4C58C471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1338549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C3CF5B-582F-4A97-BB0F-39A7B3BF1A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204F240-1525-4A8C-8147-1315725AAF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A767DB8-C242-410B-9FF1-EB413691C6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F7EBF27-A37D-4B2E-B186-8B2FAD2C0A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591670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B6936CC-7995-411F-B378-3D5468FCD6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17D1B35-8860-4702-9E84-11BE872B85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81F39B0-F365-4B90-B1F0-BFE5196CEA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571411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1B31BC-D853-4719-88AB-7E23BCFC06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7C8964-EC84-459B-90E1-A9CFBB3E4FE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73EFE1D-9241-4EAA-BF92-10373933850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09373BA-12EE-442E-A821-7BD34715E6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DCDD7B1-DE95-49A0-9AAA-9E2B032D49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A094C2D-F8E2-4206-9368-4EAC6E68BF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649553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E8F090-C848-4243-96A9-A7D4082B57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E33C88E-8584-41A7-BD61-16E6DA9F243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630C7F-E417-467E-9022-51A1CAEB60C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37AB90D-FD34-4965-9537-ACB44BD25F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F50B4C-CC03-4083-A949-073892099D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6ECC021-7988-407B-AA50-EC9537893E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274190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34FFC95-9A2C-4AFE-83BE-BBF416115A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D381394-AC84-4932-AAF7-1A81E955BEC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A137DE-E89B-4F94-825F-C1CEF3F50D1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6519570-8173-4220-BED3-C3A000EEAF7D}" type="datetimeFigureOut">
              <a:rPr lang="en-GB" smtClean="0"/>
              <a:t>17/11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936F6F-655E-47FD-9C14-7090669B99E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8D7F4B6-D019-4BCF-A922-C52419DB98F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4A7C176-A0C7-4C1C-A6BF-E9C799CD09C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84098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slideLayout" Target="../slideLayouts/slideLayout7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4" name="Rectangle 383">
            <a:extLst>
              <a:ext uri="{FF2B5EF4-FFF2-40B4-BE49-F238E27FC236}">
                <a16:creationId xmlns:a16="http://schemas.microsoft.com/office/drawing/2014/main" id="{79B71E44-C0D8-42DC-9CBC-BB8F92C3A1A7}"/>
              </a:ext>
            </a:extLst>
          </p:cNvPr>
          <p:cNvSpPr/>
          <p:nvPr/>
        </p:nvSpPr>
        <p:spPr>
          <a:xfrm>
            <a:off x="8987763" y="250257"/>
            <a:ext cx="2359772" cy="6023541"/>
          </a:xfrm>
          <a:prstGeom prst="rect">
            <a:avLst/>
          </a:prstGeom>
          <a:gradFill flip="none" rotWithShape="1"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0000"/>
                  <a:lumOff val="60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85" name="TextBox 384">
            <a:extLst>
              <a:ext uri="{FF2B5EF4-FFF2-40B4-BE49-F238E27FC236}">
                <a16:creationId xmlns:a16="http://schemas.microsoft.com/office/drawing/2014/main" id="{AD340005-9D77-494F-8A2B-645D7F9E7602}"/>
              </a:ext>
            </a:extLst>
          </p:cNvPr>
          <p:cNvSpPr txBox="1"/>
          <p:nvPr/>
        </p:nvSpPr>
        <p:spPr>
          <a:xfrm>
            <a:off x="9583107" y="270785"/>
            <a:ext cx="12939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Milestone 4</a:t>
            </a:r>
          </a:p>
        </p:txBody>
      </p:sp>
      <p:sp>
        <p:nvSpPr>
          <p:cNvPr id="382" name="Rectangle 381">
            <a:extLst>
              <a:ext uri="{FF2B5EF4-FFF2-40B4-BE49-F238E27FC236}">
                <a16:creationId xmlns:a16="http://schemas.microsoft.com/office/drawing/2014/main" id="{D1ACF7E7-95B0-4BC6-874C-2DB452CB70F7}"/>
              </a:ext>
            </a:extLst>
          </p:cNvPr>
          <p:cNvSpPr/>
          <p:nvPr/>
        </p:nvSpPr>
        <p:spPr>
          <a:xfrm>
            <a:off x="6833216" y="250256"/>
            <a:ext cx="2090508" cy="6023541"/>
          </a:xfrm>
          <a:prstGeom prst="rect">
            <a:avLst/>
          </a:prstGeom>
          <a:gradFill flip="none" rotWithShape="1"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0000"/>
                  <a:lumOff val="60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83" name="TextBox 382">
            <a:extLst>
              <a:ext uri="{FF2B5EF4-FFF2-40B4-BE49-F238E27FC236}">
                <a16:creationId xmlns:a16="http://schemas.microsoft.com/office/drawing/2014/main" id="{35061252-ED78-4951-BAE7-E3057436DF3C}"/>
              </a:ext>
            </a:extLst>
          </p:cNvPr>
          <p:cNvSpPr txBox="1"/>
          <p:nvPr/>
        </p:nvSpPr>
        <p:spPr>
          <a:xfrm>
            <a:off x="7178223" y="256382"/>
            <a:ext cx="12939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Milestone 3</a:t>
            </a:r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3858E710-A2E1-44F8-A2AD-274A046E35CE}"/>
              </a:ext>
            </a:extLst>
          </p:cNvPr>
          <p:cNvSpPr/>
          <p:nvPr/>
        </p:nvSpPr>
        <p:spPr>
          <a:xfrm>
            <a:off x="844465" y="250256"/>
            <a:ext cx="3236455" cy="6023541"/>
          </a:xfrm>
          <a:prstGeom prst="rect">
            <a:avLst/>
          </a:prstGeom>
          <a:gradFill flip="none" rotWithShape="1"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0000"/>
                  <a:lumOff val="60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D9C7665B-EF7F-4BEF-98B8-566799F4926D}"/>
              </a:ext>
            </a:extLst>
          </p:cNvPr>
          <p:cNvSpPr/>
          <p:nvPr/>
        </p:nvSpPr>
        <p:spPr>
          <a:xfrm>
            <a:off x="4147172" y="250256"/>
            <a:ext cx="2626841" cy="6023541"/>
          </a:xfrm>
          <a:prstGeom prst="rect">
            <a:avLst/>
          </a:prstGeom>
          <a:gradFill flip="none" rotWithShape="1"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0000"/>
                  <a:lumOff val="60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cxnSp>
        <p:nvCxnSpPr>
          <p:cNvPr id="468" name="OTLSHAPE_T_590299cf8ebf40d886d76a54f52f6932_RightVerticalConnector1">
            <a:extLst>
              <a:ext uri="{FF2B5EF4-FFF2-40B4-BE49-F238E27FC236}">
                <a16:creationId xmlns:a16="http://schemas.microsoft.com/office/drawing/2014/main" id="{701A534B-C09F-45C1-8E49-E9EAFE44204E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270271" y="6048841"/>
            <a:ext cx="0" cy="2249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T_abf25b948e374b2bbc45cc8816d9245c_RightVerticalConnector1">
            <a:extLst>
              <a:ext uri="{FF2B5EF4-FFF2-40B4-BE49-F238E27FC236}">
                <a16:creationId xmlns:a16="http://schemas.microsoft.com/office/drawing/2014/main" id="{256C7A03-7F1A-4DF9-84D5-4F206BF7C8E7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808597" y="5840222"/>
            <a:ext cx="0" cy="4335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T_bb89f9a175224774bf67ec8c747a2382_RightVerticalConnector2">
            <a:extLst>
              <a:ext uri="{FF2B5EF4-FFF2-40B4-BE49-F238E27FC236}">
                <a16:creationId xmlns:a16="http://schemas.microsoft.com/office/drawing/2014/main" id="{C9B9F406-8928-4DB4-91E4-88FFA2BFD1D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539288" y="60706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" name="OTLSHAPE_T_bb89f9a175224774bf67ec8c747a2382_RightVerticalConnector1">
            <a:extLst>
              <a:ext uri="{FF2B5EF4-FFF2-40B4-BE49-F238E27FC236}">
                <a16:creationId xmlns:a16="http://schemas.microsoft.com/office/drawing/2014/main" id="{29AC2B8F-E40B-492B-AC1B-E7699ADF2C6B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9539288" y="5631603"/>
            <a:ext cx="0" cy="2684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T_26f7f4242cc2451aa23fca74d6e40b15_RightVerticalConnector2">
            <a:extLst>
              <a:ext uri="{FF2B5EF4-FFF2-40B4-BE49-F238E27FC236}">
                <a16:creationId xmlns:a16="http://schemas.microsoft.com/office/drawing/2014/main" id="{B450008B-4BEF-47C5-9707-15AD966D64D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269978" y="60706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OTLSHAPE_T_26f7f4242cc2451aa23fca74d6e40b15_RightVerticalConnector1">
            <a:extLst>
              <a:ext uri="{FF2B5EF4-FFF2-40B4-BE49-F238E27FC236}">
                <a16:creationId xmlns:a16="http://schemas.microsoft.com/office/drawing/2014/main" id="{478B3779-6E29-4A35-AEE3-549CD128A29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269978" y="5422984"/>
            <a:ext cx="0" cy="2684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" name="OTLSHAPE_T_26f7f4242cc2451aa23fca74d6e40b15_LeftVerticalConnector1">
            <a:extLst>
              <a:ext uri="{FF2B5EF4-FFF2-40B4-BE49-F238E27FC236}">
                <a16:creationId xmlns:a16="http://schemas.microsoft.com/office/drawing/2014/main" id="{5C3C30AA-4713-4DE9-8946-EB088F7E857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000696" y="60706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T_b1f451a5513d420c800c97a984c631c7_RightVerticalConnector1">
            <a:extLst>
              <a:ext uri="{FF2B5EF4-FFF2-40B4-BE49-F238E27FC236}">
                <a16:creationId xmlns:a16="http://schemas.microsoft.com/office/drawing/2014/main" id="{1F89C1C3-570A-465A-AA27-6490FF1F380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923723" y="60706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T_5663782cb08c47eb8f97e2cf9ff58a3c_RightVerticalConnector2">
            <a:extLst>
              <a:ext uri="{FF2B5EF4-FFF2-40B4-BE49-F238E27FC236}">
                <a16:creationId xmlns:a16="http://schemas.microsoft.com/office/drawing/2014/main" id="{96AB2950-740B-4FC3-A723-41C86989E91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462049" y="60706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5" name="OTLSHAPE_T_5663782cb08c47eb8f97e2cf9ff58a3c_RightVerticalConnector1">
            <a:extLst>
              <a:ext uri="{FF2B5EF4-FFF2-40B4-BE49-F238E27FC236}">
                <a16:creationId xmlns:a16="http://schemas.microsoft.com/office/drawing/2014/main" id="{0CA39260-4480-4A34-A928-84D6E7B9064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462049" y="5005747"/>
            <a:ext cx="0" cy="2684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OTLSHAPE_T_1b8905c954f640f2b0d427b0575d5ca2_RightVerticalConnector2">
            <a:extLst>
              <a:ext uri="{FF2B5EF4-FFF2-40B4-BE49-F238E27FC236}">
                <a16:creationId xmlns:a16="http://schemas.microsoft.com/office/drawing/2014/main" id="{D6723A3B-D7B9-4AA5-AFAF-51E97257658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192740" y="60706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" name="OTLSHAPE_T_1b8905c954f640f2b0d427b0575d5ca2_RightVerticalConnector1">
            <a:extLst>
              <a:ext uri="{FF2B5EF4-FFF2-40B4-BE49-F238E27FC236}">
                <a16:creationId xmlns:a16="http://schemas.microsoft.com/office/drawing/2014/main" id="{CB0C66B3-CA1E-4DEE-B4CA-AE2F3063FBC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192740" y="4797129"/>
            <a:ext cx="0" cy="2684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0" name="OTLSHAPE_T_8d1dfe0f51b942988b361a9ccf418b15_RightVerticalConnector2">
            <a:extLst>
              <a:ext uri="{FF2B5EF4-FFF2-40B4-BE49-F238E27FC236}">
                <a16:creationId xmlns:a16="http://schemas.microsoft.com/office/drawing/2014/main" id="{678C948C-4B1F-43AB-9B3B-3E889B0EF688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384812" y="5444744"/>
            <a:ext cx="0" cy="8290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" name="OTLSHAPE_T_8d1dfe0f51b942988b361a9ccf418b15_RightVerticalConnector1">
            <a:extLst>
              <a:ext uri="{FF2B5EF4-FFF2-40B4-BE49-F238E27FC236}">
                <a16:creationId xmlns:a16="http://schemas.microsoft.com/office/drawing/2014/main" id="{775F1542-7A28-46C7-BFB4-FFBFA3E24513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384812" y="4588510"/>
            <a:ext cx="0" cy="2684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" name="OTLSHAPE_T_8d1dfe0f51b942988b361a9ccf418b15_LeftVerticalConnector1">
            <a:extLst>
              <a:ext uri="{FF2B5EF4-FFF2-40B4-BE49-F238E27FC236}">
                <a16:creationId xmlns:a16="http://schemas.microsoft.com/office/drawing/2014/main" id="{0DA11863-79E8-48F7-B793-4D010CC5E59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846219" y="5444744"/>
            <a:ext cx="0" cy="8290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" name="OTLSHAPE_T_b183207e267f4839b1c14e7f052d171b_RightVerticalConnector1">
            <a:extLst>
              <a:ext uri="{FF2B5EF4-FFF2-40B4-BE49-F238E27FC236}">
                <a16:creationId xmlns:a16="http://schemas.microsoft.com/office/drawing/2014/main" id="{E08DA49C-A0EF-42D9-A879-FB4ED73AC85A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769247" y="5444744"/>
            <a:ext cx="0" cy="8290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" name="OTLSHAPE_T_192e9d0a2a3e4e2ca96e3457766373d7_RightVerticalConnector3">
            <a:extLst>
              <a:ext uri="{FF2B5EF4-FFF2-40B4-BE49-F238E27FC236}">
                <a16:creationId xmlns:a16="http://schemas.microsoft.com/office/drawing/2014/main" id="{09A4E60A-09F7-442D-A56C-B2B85D655272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576883" y="5444744"/>
            <a:ext cx="0" cy="8290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" name="OTLSHAPE_T_192e9d0a2a3e4e2ca96e3457766373d7_RightVerticalConnector2">
            <a:extLst>
              <a:ext uri="{FF2B5EF4-FFF2-40B4-BE49-F238E27FC236}">
                <a16:creationId xmlns:a16="http://schemas.microsoft.com/office/drawing/2014/main" id="{4C74FF0A-3640-4B2F-8897-D90707120A4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576883" y="4818888"/>
            <a:ext cx="0" cy="2467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" name="OTLSHAPE_T_192e9d0a2a3e4e2ca96e3457766373d7_RightVerticalConnector1">
            <a:extLst>
              <a:ext uri="{FF2B5EF4-FFF2-40B4-BE49-F238E27FC236}">
                <a16:creationId xmlns:a16="http://schemas.microsoft.com/office/drawing/2014/main" id="{4FC9F26C-F028-409B-8BB1-070B1C1033E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576883" y="4171273"/>
            <a:ext cx="0" cy="2684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9" name="OTLSHAPE_T_3a7316e6aa2242adb90eb3b8f745c3bf_RightVerticalConnector3">
            <a:extLst>
              <a:ext uri="{FF2B5EF4-FFF2-40B4-BE49-F238E27FC236}">
                <a16:creationId xmlns:a16="http://schemas.microsoft.com/office/drawing/2014/main" id="{14005D51-9CFC-4B21-979C-EC97AB4420A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307574" y="5444744"/>
            <a:ext cx="0" cy="8290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8" name="OTLSHAPE_T_3a7316e6aa2242adb90eb3b8f745c3bf_RightVerticalConnector2">
            <a:extLst>
              <a:ext uri="{FF2B5EF4-FFF2-40B4-BE49-F238E27FC236}">
                <a16:creationId xmlns:a16="http://schemas.microsoft.com/office/drawing/2014/main" id="{CCE3894D-AE4E-46DB-9BB5-F5FFF135116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307574" y="4818888"/>
            <a:ext cx="0" cy="2467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7" name="OTLSHAPE_T_3a7316e6aa2242adb90eb3b8f745c3bf_RightVerticalConnector1">
            <a:extLst>
              <a:ext uri="{FF2B5EF4-FFF2-40B4-BE49-F238E27FC236}">
                <a16:creationId xmlns:a16="http://schemas.microsoft.com/office/drawing/2014/main" id="{231C3E97-253F-43BE-B08F-17908830FDA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307574" y="3962654"/>
            <a:ext cx="0" cy="2684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" name="OTLSHAPE_T_668c3500abbe4396a0df9d2521507737_RightVerticalConnector3">
            <a:extLst>
              <a:ext uri="{FF2B5EF4-FFF2-40B4-BE49-F238E27FC236}">
                <a16:creationId xmlns:a16="http://schemas.microsoft.com/office/drawing/2014/main" id="{07703FC6-EB4B-493E-8231-DF63FE3D113B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768955" y="5236125"/>
            <a:ext cx="0" cy="103767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" name="OTLSHAPE_T_668c3500abbe4396a0df9d2521507737_RightVerticalConnector2">
            <a:extLst>
              <a:ext uri="{FF2B5EF4-FFF2-40B4-BE49-F238E27FC236}">
                <a16:creationId xmlns:a16="http://schemas.microsoft.com/office/drawing/2014/main" id="{B343871D-2407-4F13-BA67-4EDEB5624DB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768955" y="4818888"/>
            <a:ext cx="0" cy="2467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" name="OTLSHAPE_T_668c3500abbe4396a0df9d2521507737_RightVerticalConnector1">
            <a:extLst>
              <a:ext uri="{FF2B5EF4-FFF2-40B4-BE49-F238E27FC236}">
                <a16:creationId xmlns:a16="http://schemas.microsoft.com/office/drawing/2014/main" id="{62323144-7F15-44C3-AAD1-5F778868EAAF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768955" y="3754035"/>
            <a:ext cx="0" cy="2684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9" name="OTLSHAPE_T_7eaa156e87db4d1280b39ae05169c730_RightVerticalConnector3">
            <a:extLst>
              <a:ext uri="{FF2B5EF4-FFF2-40B4-BE49-F238E27FC236}">
                <a16:creationId xmlns:a16="http://schemas.microsoft.com/office/drawing/2014/main" id="{E42B8C52-4C72-481B-862F-9DA67417538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5499645" y="5236125"/>
            <a:ext cx="0" cy="103767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8" name="OTLSHAPE_T_7eaa156e87db4d1280b39ae05169c730_RightVerticalConnector2">
            <a:extLst>
              <a:ext uri="{FF2B5EF4-FFF2-40B4-BE49-F238E27FC236}">
                <a16:creationId xmlns:a16="http://schemas.microsoft.com/office/drawing/2014/main" id="{5B9CC185-E9CC-42A1-8C84-3BF4C313CA34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499645" y="4818888"/>
            <a:ext cx="0" cy="2467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7" name="OTLSHAPE_T_7eaa156e87db4d1280b39ae05169c730_RightVerticalConnector1">
            <a:extLst>
              <a:ext uri="{FF2B5EF4-FFF2-40B4-BE49-F238E27FC236}">
                <a16:creationId xmlns:a16="http://schemas.microsoft.com/office/drawing/2014/main" id="{6208EA90-1DD1-4F31-9ACB-05591A9B5501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499645" y="3545417"/>
            <a:ext cx="0" cy="2684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" name="OTLSHAPE_T_79adbb0149df443eb6d37e2317035b06_RightVerticalConnector3">
            <a:extLst>
              <a:ext uri="{FF2B5EF4-FFF2-40B4-BE49-F238E27FC236}">
                <a16:creationId xmlns:a16="http://schemas.microsoft.com/office/drawing/2014/main" id="{442A931F-35F4-44C9-A905-EE73FACF1CB7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691717" y="4818888"/>
            <a:ext cx="0" cy="145491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" name="OTLSHAPE_T_79adbb0149df443eb6d37e2317035b06_RightVerticalConnector2">
            <a:extLst>
              <a:ext uri="{FF2B5EF4-FFF2-40B4-BE49-F238E27FC236}">
                <a16:creationId xmlns:a16="http://schemas.microsoft.com/office/drawing/2014/main" id="{43C7C3B5-BD04-40AF-9E73-A9ECA62FF6A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691717" y="4401651"/>
            <a:ext cx="0" cy="2467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" name="OTLSHAPE_T_79adbb0149df443eb6d37e2317035b06_RightVerticalConnector1">
            <a:extLst>
              <a:ext uri="{FF2B5EF4-FFF2-40B4-BE49-F238E27FC236}">
                <a16:creationId xmlns:a16="http://schemas.microsoft.com/office/drawing/2014/main" id="{740729D4-4D8B-4482-ABA8-0E27DABFF0E2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691717" y="3336798"/>
            <a:ext cx="0" cy="2684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1" name="OTLSHAPE_T_79adbb0149df443eb6d37e2317035b06_LeftVerticalConnector2">
            <a:extLst>
              <a:ext uri="{FF2B5EF4-FFF2-40B4-BE49-F238E27FC236}">
                <a16:creationId xmlns:a16="http://schemas.microsoft.com/office/drawing/2014/main" id="{2F89134D-4859-4B58-8AB5-E607E8B341DC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4153125" y="4818888"/>
            <a:ext cx="0" cy="145491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0" name="OTLSHAPE_T_79adbb0149df443eb6d37e2317035b06_LeftVerticalConnector1">
            <a:extLst>
              <a:ext uri="{FF2B5EF4-FFF2-40B4-BE49-F238E27FC236}">
                <a16:creationId xmlns:a16="http://schemas.microsoft.com/office/drawing/2014/main" id="{FDF04EF9-B020-443F-BA0D-2424DBE8678F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4153125" y="4401651"/>
            <a:ext cx="0" cy="2467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9" name="OTLSHAPE_T_a88d26dd6d1d4584be0b1f04a2a3fd1e_RightVerticalConnector3">
            <a:extLst>
              <a:ext uri="{FF2B5EF4-FFF2-40B4-BE49-F238E27FC236}">
                <a16:creationId xmlns:a16="http://schemas.microsoft.com/office/drawing/2014/main" id="{CBDC55B9-1A5A-47D7-B9F0-7F99A673D654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4076152" y="4818888"/>
            <a:ext cx="0" cy="145491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8" name="OTLSHAPE_T_a88d26dd6d1d4584be0b1f04a2a3fd1e_RightVerticalConnector2">
            <a:extLst>
              <a:ext uri="{FF2B5EF4-FFF2-40B4-BE49-F238E27FC236}">
                <a16:creationId xmlns:a16="http://schemas.microsoft.com/office/drawing/2014/main" id="{EF0E31B6-A40C-49C8-B9F7-A2C295592B29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4076152" y="4401651"/>
            <a:ext cx="0" cy="2467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7" name="OTLSHAPE_T_a88d26dd6d1d4584be0b1f04a2a3fd1e_RightVerticalConnector1">
            <a:extLst>
              <a:ext uri="{FF2B5EF4-FFF2-40B4-BE49-F238E27FC236}">
                <a16:creationId xmlns:a16="http://schemas.microsoft.com/office/drawing/2014/main" id="{BB99EEE1-26E7-4F51-9FEE-EB568D787063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4076152" y="3042920"/>
            <a:ext cx="0" cy="1451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4" name="OTLSHAPE_T_35c3bec77fe7403987230dc3deeb2e6c_RightVerticalConnector2">
            <a:extLst>
              <a:ext uri="{FF2B5EF4-FFF2-40B4-BE49-F238E27FC236}">
                <a16:creationId xmlns:a16="http://schemas.microsoft.com/office/drawing/2014/main" id="{0F52F998-65CA-41CF-AB45-F12B5E453610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2267932" y="3567176"/>
            <a:ext cx="0" cy="27066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3" name="OTLSHAPE_T_35c3bec77fe7403987230dc3deeb2e6c_RightVerticalConnector1">
            <a:extLst>
              <a:ext uri="{FF2B5EF4-FFF2-40B4-BE49-F238E27FC236}">
                <a16:creationId xmlns:a16="http://schemas.microsoft.com/office/drawing/2014/main" id="{F20C5A5C-FF1F-43A6-852C-2763C66DF1C1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267932" y="2663783"/>
            <a:ext cx="0" cy="5242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" name="OTLSHAPE_T_28eb8969aa824fa6b8851d993007f7bb_RightVerticalConnector2">
            <a:extLst>
              <a:ext uri="{FF2B5EF4-FFF2-40B4-BE49-F238E27FC236}">
                <a16:creationId xmlns:a16="http://schemas.microsoft.com/office/drawing/2014/main" id="{76DF336B-F6B4-4062-9A9F-8C0DA118F0BE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998622" y="3567176"/>
            <a:ext cx="0" cy="27066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" name="OTLSHAPE_T_28eb8969aa824fa6b8851d993007f7bb_RightVerticalConnector1">
            <a:extLst>
              <a:ext uri="{FF2B5EF4-FFF2-40B4-BE49-F238E27FC236}">
                <a16:creationId xmlns:a16="http://schemas.microsoft.com/office/drawing/2014/main" id="{38FDBCE4-0DEB-47AC-BB20-DC6936641B7F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998622" y="2199386"/>
            <a:ext cx="0" cy="60951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" name="OTLSHAPE_T_4f674a901e544495982c39ec20fed39d_RightVerticalConnector2">
            <a:extLst>
              <a:ext uri="{FF2B5EF4-FFF2-40B4-BE49-F238E27FC236}">
                <a16:creationId xmlns:a16="http://schemas.microsoft.com/office/drawing/2014/main" id="{E92C476C-8E53-4DD9-A182-AAAD40CEF35F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460003" y="3567176"/>
            <a:ext cx="0" cy="27066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" name="OTLSHAPE_T_4f674a901e544495982c39ec20fed39d_RightVerticalConnector1">
            <a:extLst>
              <a:ext uri="{FF2B5EF4-FFF2-40B4-BE49-F238E27FC236}">
                <a16:creationId xmlns:a16="http://schemas.microsoft.com/office/drawing/2014/main" id="{DA0695DA-D007-41C5-BB95-BE3472835453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460003" y="1479211"/>
            <a:ext cx="0" cy="95055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4" name="OTLSHAPE_T_4f674a901e544495982c39ec20fed39d_LeftVerticalConnector3">
            <a:extLst>
              <a:ext uri="{FF2B5EF4-FFF2-40B4-BE49-F238E27FC236}">
                <a16:creationId xmlns:a16="http://schemas.microsoft.com/office/drawing/2014/main" id="{A73CDE08-A74D-47A1-B9B1-CACE147F8606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190720" y="3567176"/>
            <a:ext cx="0" cy="27066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_4f674a901e544495982c39ec20fed39d_LeftVerticalConnector2">
            <a:extLst>
              <a:ext uri="{FF2B5EF4-FFF2-40B4-BE49-F238E27FC236}">
                <a16:creationId xmlns:a16="http://schemas.microsoft.com/office/drawing/2014/main" id="{EAE55E09-34D0-43AF-9617-540E04AD4A39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190720" y="3149939"/>
            <a:ext cx="0" cy="2467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_4f674a901e544495982c39ec20fed39d_LeftVerticalConnector1">
            <a:extLst>
              <a:ext uri="{FF2B5EF4-FFF2-40B4-BE49-F238E27FC236}">
                <a16:creationId xmlns:a16="http://schemas.microsoft.com/office/drawing/2014/main" id="{CD1718AF-37EF-457E-A758-C15DE8E79290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190720" y="1479211"/>
            <a:ext cx="0" cy="40089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0" name="OTLSHAPE_TB_00000000000000000000000000000000_ElapsedTimeExtension">
            <a:extLst>
              <a:ext uri="{FF2B5EF4-FFF2-40B4-BE49-F238E27FC236}">
                <a16:creationId xmlns:a16="http://schemas.microsoft.com/office/drawing/2014/main" id="{535994AA-D922-4DFC-9082-907AEB1D5DF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44465" y="989415"/>
            <a:ext cx="2997200" cy="5284385"/>
          </a:xfrm>
          <a:prstGeom prst="rect">
            <a:avLst/>
          </a:prstGeom>
          <a:gradFill flip="none" rotWithShape="1">
            <a:gsLst>
              <a:gs pos="100000">
                <a:srgbClr val="FFFFFF">
                  <a:alpha val="30196"/>
                </a:srgbClr>
              </a:gs>
              <a:gs pos="0">
                <a:srgbClr val="FFFFFF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6" name="OTLSHAPE_TB_00000000000000000000000000000000_LeftEndCaps" hidden="1">
            <a:extLst>
              <a:ext uri="{FF2B5EF4-FFF2-40B4-BE49-F238E27FC236}">
                <a16:creationId xmlns:a16="http://schemas.microsoft.com/office/drawing/2014/main" id="{FA6F47D3-5FD8-4C2E-8C4F-74761012676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54000" y="63247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87" name="OTLSHAPE_TB_00000000000000000000000000000000_RightEndCaps">
            <a:extLst>
              <a:ext uri="{FF2B5EF4-FFF2-40B4-BE49-F238E27FC236}">
                <a16:creationId xmlns:a16="http://schemas.microsoft.com/office/drawing/2014/main" id="{1E1DA87C-20EF-4733-9013-56203DEA72B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1474534" y="63247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88" name="OTLSHAPE_TB_00000000000000000000000000000000_ScaleContainer">
            <a:extLst>
              <a:ext uri="{FF2B5EF4-FFF2-40B4-BE49-F238E27FC236}">
                <a16:creationId xmlns:a16="http://schemas.microsoft.com/office/drawing/2014/main" id="{DC156670-4E4C-402A-990A-E66EA4880204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44465" y="62738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9" name="OTLSHAPE_TB_00000000000000000000000000000000_ElapsedTime">
            <a:extLst>
              <a:ext uri="{FF2B5EF4-FFF2-40B4-BE49-F238E27FC236}">
                <a16:creationId xmlns:a16="http://schemas.microsoft.com/office/drawing/2014/main" id="{13F53617-AD20-446B-BC97-921DE059255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44465" y="6273800"/>
            <a:ext cx="2997200" cy="381000"/>
          </a:xfrm>
          <a:prstGeom prst="rect">
            <a:avLst/>
          </a:prstGeom>
          <a:solidFill>
            <a:schemeClr val="lt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1" name="OTLSHAPE_TB_00000000000000000000000000000000_TodayMarkerShape" hidden="1">
            <a:extLst>
              <a:ext uri="{FF2B5EF4-FFF2-40B4-BE49-F238E27FC236}">
                <a16:creationId xmlns:a16="http://schemas.microsoft.com/office/drawing/2014/main" id="{C030765C-EFD1-43CA-BF48-0113BF178CD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783612" y="66548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2" name="OTLSHAPE_TB_00000000000000000000000000000000_TodayMarkerText" hidden="1">
            <a:extLst>
              <a:ext uri="{FF2B5EF4-FFF2-40B4-BE49-F238E27FC236}">
                <a16:creationId xmlns:a16="http://schemas.microsoft.com/office/drawing/2014/main" id="{C07B15D5-D139-4AE8-8944-EFA9FFCFEA1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838041" y="67818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93" name="OTLSHAPE_TB_00000000000000000000000000000000_TimescaleInterval1">
            <a:extLst>
              <a:ext uri="{FF2B5EF4-FFF2-40B4-BE49-F238E27FC236}">
                <a16:creationId xmlns:a16="http://schemas.microsoft.com/office/drawing/2014/main" id="{5B54AA7F-A7A7-4FE4-BBB0-BA1DE0CA64D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07965" y="63712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94" name="OTLSHAPE_TB_00000000000000000000000000000000_TimescaleInterval2">
            <a:extLst>
              <a:ext uri="{FF2B5EF4-FFF2-40B4-BE49-F238E27FC236}">
                <a16:creationId xmlns:a16="http://schemas.microsoft.com/office/drawing/2014/main" id="{EEF31D01-770C-4863-8D38-2E259B8D092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062149" y="63712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395" name="OTLSHAPE_TB_00000000000000000000000000000000_TimescaleInterval3">
            <a:extLst>
              <a:ext uri="{FF2B5EF4-FFF2-40B4-BE49-F238E27FC236}">
                <a16:creationId xmlns:a16="http://schemas.microsoft.com/office/drawing/2014/main" id="{CB1C61BE-6A8D-484B-BA0D-7D5D27DCA8B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254805" y="63712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96" name="OTLSHAPE_TB_00000000000000000000000000000000_TimescaleInterval4">
            <a:extLst>
              <a:ext uri="{FF2B5EF4-FFF2-40B4-BE49-F238E27FC236}">
                <a16:creationId xmlns:a16="http://schemas.microsoft.com/office/drawing/2014/main" id="{E202DA25-D65E-416D-BEE4-29EABD2B13E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408989" y="63712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97" name="OTLSHAPE_TB_00000000000000000000000000000000_TimescaleInterval5">
            <a:extLst>
              <a:ext uri="{FF2B5EF4-FFF2-40B4-BE49-F238E27FC236}">
                <a16:creationId xmlns:a16="http://schemas.microsoft.com/office/drawing/2014/main" id="{84F26BF0-817E-4AD1-8EC1-24B1F9AFC1A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601645" y="6371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98" name="OTLSHAPE_TB_00000000000000000000000000000000_TimescaleInterval6">
            <a:extLst>
              <a:ext uri="{FF2B5EF4-FFF2-40B4-BE49-F238E27FC236}">
                <a16:creationId xmlns:a16="http://schemas.microsoft.com/office/drawing/2014/main" id="{5E9C5537-C4C6-4131-8494-8B27A44183D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794301" y="63712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399" name="OTLSHAPE_TB_00000000000000000000000000000000_TimescaleInterval7">
            <a:extLst>
              <a:ext uri="{FF2B5EF4-FFF2-40B4-BE49-F238E27FC236}">
                <a16:creationId xmlns:a16="http://schemas.microsoft.com/office/drawing/2014/main" id="{A72EE6AD-1CAD-4356-9094-138636CA9A3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871539" y="63712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00" name="OTLSHAPE_TB_00000000000000000000000000000000_TimescaleInterval8">
            <a:extLst>
              <a:ext uri="{FF2B5EF4-FFF2-40B4-BE49-F238E27FC236}">
                <a16:creationId xmlns:a16="http://schemas.microsoft.com/office/drawing/2014/main" id="{42687829-A81D-4986-B9F2-3AE530A4903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064196" y="63712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401" name="OTLSHAPE_TB_00000000000000000000000000000000_TimescaleInterval9">
            <a:extLst>
              <a:ext uri="{FF2B5EF4-FFF2-40B4-BE49-F238E27FC236}">
                <a16:creationId xmlns:a16="http://schemas.microsoft.com/office/drawing/2014/main" id="{E848D203-7381-4818-A58B-2C110072843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218379" y="63712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407" name="OTLSHAPE_T_28eb8969aa824fa6b8851d993007f7bb_LeftVerticalConnector1" hidden="1">
            <a:extLst>
              <a:ext uri="{FF2B5EF4-FFF2-40B4-BE49-F238E27FC236}">
                <a16:creationId xmlns:a16="http://schemas.microsoft.com/office/drawing/2014/main" id="{86CC3188-2746-4673-9062-ACA9308AC025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1460030" y="2199386"/>
            <a:ext cx="0" cy="23037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" name="OTLSHAPE_T_28eb8969aa824fa6b8851d993007f7bb_LeftVerticalConnector2" hidden="1">
            <a:extLst>
              <a:ext uri="{FF2B5EF4-FFF2-40B4-BE49-F238E27FC236}">
                <a16:creationId xmlns:a16="http://schemas.microsoft.com/office/drawing/2014/main" id="{E776DCF6-62B4-4559-BF81-6D4FA3438528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460030" y="3567176"/>
            <a:ext cx="0" cy="270662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1" name="OTLSHAPE_T_35c3bec77fe7403987230dc3deeb2e6c_LeftVerticalConnector1" hidden="1">
            <a:extLst>
              <a:ext uri="{FF2B5EF4-FFF2-40B4-BE49-F238E27FC236}">
                <a16:creationId xmlns:a16="http://schemas.microsoft.com/office/drawing/2014/main" id="{8CEB3BF7-8117-46FE-9094-492AED0B14B4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1998649" y="2663783"/>
            <a:ext cx="0" cy="1451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2" name="OTLSHAPE_T_35c3bec77fe7403987230dc3deeb2e6c_LeftVerticalConnector2" hidden="1">
            <a:extLst>
              <a:ext uri="{FF2B5EF4-FFF2-40B4-BE49-F238E27FC236}">
                <a16:creationId xmlns:a16="http://schemas.microsoft.com/office/drawing/2014/main" id="{974ADE8F-3D8F-4782-AA83-79DD9094E58E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998649" y="3567176"/>
            <a:ext cx="0" cy="270662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" name="OTLSHAPE_T_a88d26dd6d1d4584be0b1f04a2a3fd1e_LeftVerticalConnector1" hidden="1">
            <a:extLst>
              <a:ext uri="{FF2B5EF4-FFF2-40B4-BE49-F238E27FC236}">
                <a16:creationId xmlns:a16="http://schemas.microsoft.com/office/drawing/2014/main" id="{6B29BC8B-A708-4DAC-8C3A-E60FFC5A7056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2267958" y="3042920"/>
            <a:ext cx="0" cy="1451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a88d26dd6d1d4584be0b1f04a2a3fd1e_LeftVerticalConnector2" hidden="1">
            <a:extLst>
              <a:ext uri="{FF2B5EF4-FFF2-40B4-BE49-F238E27FC236}">
                <a16:creationId xmlns:a16="http://schemas.microsoft.com/office/drawing/2014/main" id="{654CB0A3-CB42-4B76-B0D0-9618FD958469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2267958" y="3567176"/>
            <a:ext cx="0" cy="270662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5" name="OTLSHAPE_T_7eaa156e87db4d1280b39ae05169c730_LeftVerticalConnector1" hidden="1">
            <a:extLst>
              <a:ext uri="{FF2B5EF4-FFF2-40B4-BE49-F238E27FC236}">
                <a16:creationId xmlns:a16="http://schemas.microsoft.com/office/drawing/2014/main" id="{DA044E23-F929-4989-9514-BF8FD94F7E61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4691743" y="4401651"/>
            <a:ext cx="0" cy="2467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6" name="OTLSHAPE_T_7eaa156e87db4d1280b39ae05169c730_LeftVerticalConnector2" hidden="1">
            <a:extLst>
              <a:ext uri="{FF2B5EF4-FFF2-40B4-BE49-F238E27FC236}">
                <a16:creationId xmlns:a16="http://schemas.microsoft.com/office/drawing/2014/main" id="{56336984-4CE9-46D3-BB2B-5FC7178DF516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4691743" y="4818888"/>
            <a:ext cx="0" cy="145491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0" name="OTLSHAPE_T_668c3500abbe4396a0df9d2521507737_LeftVerticalConnector1" hidden="1">
            <a:extLst>
              <a:ext uri="{FF2B5EF4-FFF2-40B4-BE49-F238E27FC236}">
                <a16:creationId xmlns:a16="http://schemas.microsoft.com/office/drawing/2014/main" id="{D830E2BE-A1F0-43AE-8616-9FE31D2FD73A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5499672" y="4818888"/>
            <a:ext cx="0" cy="2467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1" name="OTLSHAPE_T_668c3500abbe4396a0df9d2521507737_LeftVerticalConnector2" hidden="1">
            <a:extLst>
              <a:ext uri="{FF2B5EF4-FFF2-40B4-BE49-F238E27FC236}">
                <a16:creationId xmlns:a16="http://schemas.microsoft.com/office/drawing/2014/main" id="{37416C55-B264-4E8B-9560-681D17706E49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5499672" y="5236125"/>
            <a:ext cx="0" cy="10376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5" name="OTLSHAPE_T_3a7316e6aa2242adb90eb3b8f745c3bf_LeftVerticalConnector1" hidden="1">
            <a:extLst>
              <a:ext uri="{FF2B5EF4-FFF2-40B4-BE49-F238E27FC236}">
                <a16:creationId xmlns:a16="http://schemas.microsoft.com/office/drawing/2014/main" id="{CDB715C7-19DE-4E03-AF09-F6B0E503ED64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5768982" y="4818888"/>
            <a:ext cx="0" cy="2467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6" name="OTLSHAPE_T_3a7316e6aa2242adb90eb3b8f745c3bf_LeftVerticalConnector2" hidden="1">
            <a:extLst>
              <a:ext uri="{FF2B5EF4-FFF2-40B4-BE49-F238E27FC236}">
                <a16:creationId xmlns:a16="http://schemas.microsoft.com/office/drawing/2014/main" id="{B4ED899F-C4C4-4A4F-89E0-C0F93AB1E058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5768982" y="5236125"/>
            <a:ext cx="0" cy="10376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0" name="OTLSHAPE_T_192e9d0a2a3e4e2ca96e3457766373d7_LeftVerticalConnector1" hidden="1">
            <a:extLst>
              <a:ext uri="{FF2B5EF4-FFF2-40B4-BE49-F238E27FC236}">
                <a16:creationId xmlns:a16="http://schemas.microsoft.com/office/drawing/2014/main" id="{1D8B521C-59EE-4FC2-800D-95B02B9E23A2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6307601" y="4818888"/>
            <a:ext cx="0" cy="2467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" name="OTLSHAPE_T_192e9d0a2a3e4e2ca96e3457766373d7_LeftVerticalConnector2" hidden="1">
            <a:extLst>
              <a:ext uri="{FF2B5EF4-FFF2-40B4-BE49-F238E27FC236}">
                <a16:creationId xmlns:a16="http://schemas.microsoft.com/office/drawing/2014/main" id="{9CD5C2F9-FE2B-4814-9C2F-BC770657B434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6307601" y="5444744"/>
            <a:ext cx="0" cy="82905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" name="OTLSHAPE_T_b183207e267f4839b1c14e7f052d171b_LeftVerticalConnector1" hidden="1">
            <a:extLst>
              <a:ext uri="{FF2B5EF4-FFF2-40B4-BE49-F238E27FC236}">
                <a16:creationId xmlns:a16="http://schemas.microsoft.com/office/drawing/2014/main" id="{EC3C2443-DEB6-4494-9DF2-E05CDB4113FC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6576910" y="4818888"/>
            <a:ext cx="0" cy="2467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" name="OTLSHAPE_T_b183207e267f4839b1c14e7f052d171b_LeftVerticalConnector2" hidden="1">
            <a:extLst>
              <a:ext uri="{FF2B5EF4-FFF2-40B4-BE49-F238E27FC236}">
                <a16:creationId xmlns:a16="http://schemas.microsoft.com/office/drawing/2014/main" id="{108EFBE4-E114-46D7-9A4F-E610DD3AAD17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6576910" y="5444744"/>
            <a:ext cx="0" cy="82905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1" name="OTLSHAPE_T_1b8905c954f640f2b0d427b0575d5ca2_LeftVerticalConnector1" hidden="1">
            <a:extLst>
              <a:ext uri="{FF2B5EF4-FFF2-40B4-BE49-F238E27FC236}">
                <a16:creationId xmlns:a16="http://schemas.microsoft.com/office/drawing/2014/main" id="{4B39B658-D87D-47A8-8F98-B316AFAF79CB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7384838" y="5444744"/>
            <a:ext cx="0" cy="82905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" name="OTLSHAPE_T_5663782cb08c47eb8f97e2cf9ff58a3c_LeftVerticalConnector1" hidden="1">
            <a:extLst>
              <a:ext uri="{FF2B5EF4-FFF2-40B4-BE49-F238E27FC236}">
                <a16:creationId xmlns:a16="http://schemas.microsoft.com/office/drawing/2014/main" id="{AC99ACAC-E2FC-4033-9DC8-59BCF280BEFF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8192767" y="60706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T_b1f451a5513d420c800c97a984c631c7_LeftVerticalConnector1" hidden="1">
            <a:extLst>
              <a:ext uri="{FF2B5EF4-FFF2-40B4-BE49-F238E27FC236}">
                <a16:creationId xmlns:a16="http://schemas.microsoft.com/office/drawing/2014/main" id="{38706CC1-B2BC-445A-A068-4DE79A21A504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8462077" y="60706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" name="OTLSHAPE_T_bb89f9a175224774bf67ec8c747a2382_LeftVerticalConnector1" hidden="1">
            <a:extLst>
              <a:ext uri="{FF2B5EF4-FFF2-40B4-BE49-F238E27FC236}">
                <a16:creationId xmlns:a16="http://schemas.microsoft.com/office/drawing/2014/main" id="{1C7A0C36-C0E8-44B3-BE5B-9C3428F8E26D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9270005" y="60706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T_abf25b948e374b2bbc45cc8816d9245c_LeftVerticalConnector1" hidden="1">
            <a:extLst>
              <a:ext uri="{FF2B5EF4-FFF2-40B4-BE49-F238E27FC236}">
                <a16:creationId xmlns:a16="http://schemas.microsoft.com/office/drawing/2014/main" id="{4A1C3033-F57D-44C9-B434-EF2FFB2DEC10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9539315" y="60706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T_590299cf8ebf40d886d76a54f52f6932_LeftVerticalConnector1" hidden="1">
            <a:extLst>
              <a:ext uri="{FF2B5EF4-FFF2-40B4-BE49-F238E27FC236}">
                <a16:creationId xmlns:a16="http://schemas.microsoft.com/office/drawing/2014/main" id="{31AAB7C5-B9B1-43E4-8BA6-F2612929E438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9808624" y="6048840"/>
            <a:ext cx="0" cy="2249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9" name="OTLSHAPE_T_4f674a901e544495982c39ec20fed39d_Shape">
            <a:extLst>
              <a:ext uri="{FF2B5EF4-FFF2-40B4-BE49-F238E27FC236}">
                <a16:creationId xmlns:a16="http://schemas.microsoft.com/office/drawing/2014/main" id="{4BE3412F-BB3E-415E-9332-C034F98E2D4D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1190720" y="1352211"/>
            <a:ext cx="2794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0" name="OTLSHAPE_T_4f674a901e544495982c39ec20fed39d_ShapePercentage" hidden="1">
            <a:extLst>
              <a:ext uri="{FF2B5EF4-FFF2-40B4-BE49-F238E27FC236}">
                <a16:creationId xmlns:a16="http://schemas.microsoft.com/office/drawing/2014/main" id="{B8F5263B-E3A3-46AF-A75A-1668DB70EDAE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190720" y="135221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" name="OTLSHAPE_T_4f674a901e544495982c39ec20fed39d_Duration" hidden="1">
            <a:extLst>
              <a:ext uri="{FF2B5EF4-FFF2-40B4-BE49-F238E27FC236}">
                <a16:creationId xmlns:a16="http://schemas.microsoft.com/office/drawing/2014/main" id="{05C053E2-382E-48E7-8F13-CB5358B8B86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98941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72" name="OTLSHAPE_T_4f674a901e544495982c39ec20fed39d_TextPercentage" hidden="1">
            <a:extLst>
              <a:ext uri="{FF2B5EF4-FFF2-40B4-BE49-F238E27FC236}">
                <a16:creationId xmlns:a16="http://schemas.microsoft.com/office/drawing/2014/main" id="{CDC8FD12-1FB9-4FBA-974C-39B8D5D914A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11444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T_4f674a901e544495982c39ec20fed39d_StartDate" hidden="1">
            <a:extLst>
              <a:ext uri="{FF2B5EF4-FFF2-40B4-BE49-F238E27FC236}">
                <a16:creationId xmlns:a16="http://schemas.microsoft.com/office/drawing/2014/main" id="{E5698C40-DBA3-4DE9-BD9F-5C500E89BF2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11444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T_4f674a901e544495982c39ec20fed39d_EndDate" hidden="1">
            <a:extLst>
              <a:ext uri="{FF2B5EF4-FFF2-40B4-BE49-F238E27FC236}">
                <a16:creationId xmlns:a16="http://schemas.microsoft.com/office/drawing/2014/main" id="{CBBB6AE1-4B88-4B4C-886A-C4FC03260E5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11444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T_4f674a901e544495982c39ec20fed39d_Title">
            <a:extLst>
              <a:ext uri="{FF2B5EF4-FFF2-40B4-BE49-F238E27FC236}">
                <a16:creationId xmlns:a16="http://schemas.microsoft.com/office/drawing/2014/main" id="{413FD7ED-1FBA-46CE-9776-C88475A4441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-17685" y="989415"/>
            <a:ext cx="11684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Understanding What my Project is, what is required of me and how I can start</a:t>
            </a:r>
          </a:p>
        </p:txBody>
      </p:sp>
      <p:sp>
        <p:nvSpPr>
          <p:cNvPr id="476" name="OTLSHAPE_T_4f674a901e544495982c39ec20fed39d_JoinedDate">
            <a:extLst>
              <a:ext uri="{FF2B5EF4-FFF2-40B4-BE49-F238E27FC236}">
                <a16:creationId xmlns:a16="http://schemas.microsoft.com/office/drawing/2014/main" id="{B39232A5-E00A-4052-88E3-F5D9E663EFF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510803" y="1338199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0 - Sep 16</a:t>
            </a:r>
          </a:p>
        </p:txBody>
      </p:sp>
      <p:sp>
        <p:nvSpPr>
          <p:cNvPr id="477" name="OTLSHAPE_T_28eb8969aa824fa6b8851d993007f7bb_Shape">
            <a:extLst>
              <a:ext uri="{FF2B5EF4-FFF2-40B4-BE49-F238E27FC236}">
                <a16:creationId xmlns:a16="http://schemas.microsoft.com/office/drawing/2014/main" id="{49FB32AA-618F-428B-8F16-9FF1797281A5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1460030" y="2072386"/>
            <a:ext cx="5461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8" name="OTLSHAPE_T_28eb8969aa824fa6b8851d993007f7bb_ShapePercentage" hidden="1">
            <a:extLst>
              <a:ext uri="{FF2B5EF4-FFF2-40B4-BE49-F238E27FC236}">
                <a16:creationId xmlns:a16="http://schemas.microsoft.com/office/drawing/2014/main" id="{EA55846C-102B-4260-83DF-6FC3037E6BB4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460030" y="20723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9" name="OTLSHAPE_T_28eb8969aa824fa6b8851d993007f7bb_Duration" hidden="1">
            <a:extLst>
              <a:ext uri="{FF2B5EF4-FFF2-40B4-BE49-F238E27FC236}">
                <a16:creationId xmlns:a16="http://schemas.microsoft.com/office/drawing/2014/main" id="{4E6F7EDB-0A84-492D-8CA3-A277C34D08D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188010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480" name="OTLSHAPE_T_28eb8969aa824fa6b8851d993007f7bb_TextPercentage" hidden="1">
            <a:extLst>
              <a:ext uri="{FF2B5EF4-FFF2-40B4-BE49-F238E27FC236}">
                <a16:creationId xmlns:a16="http://schemas.microsoft.com/office/drawing/2014/main" id="{8283E6C2-F14D-45F0-BECA-8134D1353E9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20351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T_28eb8969aa824fa6b8851d993007f7bb_StartDate" hidden="1">
            <a:extLst>
              <a:ext uri="{FF2B5EF4-FFF2-40B4-BE49-F238E27FC236}">
                <a16:creationId xmlns:a16="http://schemas.microsoft.com/office/drawing/2014/main" id="{11233BFB-513F-4B92-B106-6157812E8DA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20351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T_28eb8969aa824fa6b8851d993007f7bb_EndDate" hidden="1">
            <a:extLst>
              <a:ext uri="{FF2B5EF4-FFF2-40B4-BE49-F238E27FC236}">
                <a16:creationId xmlns:a16="http://schemas.microsoft.com/office/drawing/2014/main" id="{1858F71A-F0B7-4C8F-B979-65DCA134244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0" y="20351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3" name="OTLSHAPE_T_28eb8969aa824fa6b8851d993007f7bb_Title">
            <a:extLst>
              <a:ext uri="{FF2B5EF4-FFF2-40B4-BE49-F238E27FC236}">
                <a16:creationId xmlns:a16="http://schemas.microsoft.com/office/drawing/2014/main" id="{179D4530-1C1E-4541-9DE6-4C4865A64A9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77" y="1880108"/>
            <a:ext cx="14097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Research on the Python Programming Language and Various Libraries</a:t>
            </a:r>
          </a:p>
        </p:txBody>
      </p:sp>
      <p:sp>
        <p:nvSpPr>
          <p:cNvPr id="484" name="OTLSHAPE_T_28eb8969aa824fa6b8851d993007f7bb_JoinedDate">
            <a:extLst>
              <a:ext uri="{FF2B5EF4-FFF2-40B4-BE49-F238E27FC236}">
                <a16:creationId xmlns:a16="http://schemas.microsoft.com/office/drawing/2014/main" id="{006F282E-5F2E-427F-A5D0-C2F9C86DE57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049422" y="205837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7 - Sep 30</a:t>
            </a:r>
          </a:p>
        </p:txBody>
      </p:sp>
      <p:sp>
        <p:nvSpPr>
          <p:cNvPr id="485" name="OTLSHAPE_T_35c3bec77fe7403987230dc3deeb2e6c_Shape">
            <a:extLst>
              <a:ext uri="{FF2B5EF4-FFF2-40B4-BE49-F238E27FC236}">
                <a16:creationId xmlns:a16="http://schemas.microsoft.com/office/drawing/2014/main" id="{325B1865-3D77-4C0E-9333-C7DD10C34503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1998649" y="2536783"/>
            <a:ext cx="2794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6" name="OTLSHAPE_T_35c3bec77fe7403987230dc3deeb2e6c_ShapePercentage" hidden="1">
            <a:extLst>
              <a:ext uri="{FF2B5EF4-FFF2-40B4-BE49-F238E27FC236}">
                <a16:creationId xmlns:a16="http://schemas.microsoft.com/office/drawing/2014/main" id="{5C70D695-AE45-4933-8B1D-D1EB04646C69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1998649" y="25367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7" name="OTLSHAPE_T_35c3bec77fe7403987230dc3deeb2e6c_Duration" hidden="1">
            <a:extLst>
              <a:ext uri="{FF2B5EF4-FFF2-40B4-BE49-F238E27FC236}">
                <a16:creationId xmlns:a16="http://schemas.microsoft.com/office/drawing/2014/main" id="{6CF11061-B7B8-4E65-AC81-EF9C436E9D9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242976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88" name="OTLSHAPE_T_35c3bec77fe7403987230dc3deeb2e6c_TextPercentage" hidden="1">
            <a:extLst>
              <a:ext uri="{FF2B5EF4-FFF2-40B4-BE49-F238E27FC236}">
                <a16:creationId xmlns:a16="http://schemas.microsoft.com/office/drawing/2014/main" id="{353294AA-76EA-47F7-A610-AEEEEA65B09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25847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9" name="OTLSHAPE_T_35c3bec77fe7403987230dc3deeb2e6c_StartDate" hidden="1">
            <a:extLst>
              <a:ext uri="{FF2B5EF4-FFF2-40B4-BE49-F238E27FC236}">
                <a16:creationId xmlns:a16="http://schemas.microsoft.com/office/drawing/2014/main" id="{2B26EE92-60C5-4230-8EB6-14A80CD2FEA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25847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T_35c3bec77fe7403987230dc3deeb2e6c_EndDate" hidden="1">
            <a:extLst>
              <a:ext uri="{FF2B5EF4-FFF2-40B4-BE49-F238E27FC236}">
                <a16:creationId xmlns:a16="http://schemas.microsoft.com/office/drawing/2014/main" id="{CFC00E70-32D7-4898-8E56-EF3B148FE68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0" y="25847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T_35c3bec77fe7403987230dc3deeb2e6c_Title">
            <a:extLst>
              <a:ext uri="{FF2B5EF4-FFF2-40B4-BE49-F238E27FC236}">
                <a16:creationId xmlns:a16="http://schemas.microsoft.com/office/drawing/2014/main" id="{389E456E-DB20-45CA-AAE6-1DF7688E2AB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7590" y="2429764"/>
            <a:ext cx="1905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Research on Alan Turing and the Turing Machine</a:t>
            </a:r>
          </a:p>
        </p:txBody>
      </p:sp>
      <p:sp>
        <p:nvSpPr>
          <p:cNvPr id="492" name="OTLSHAPE_T_35c3bec77fe7403987230dc3deeb2e6c_JoinedDate">
            <a:extLst>
              <a:ext uri="{FF2B5EF4-FFF2-40B4-BE49-F238E27FC236}">
                <a16:creationId xmlns:a16="http://schemas.microsoft.com/office/drawing/2014/main" id="{CA4834D9-E8CD-4F59-B2A3-868B1F385F2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2318732" y="252277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1 - Oct 7</a:t>
            </a:r>
          </a:p>
        </p:txBody>
      </p:sp>
      <p:sp>
        <p:nvSpPr>
          <p:cNvPr id="493" name="OTLSHAPE_T_a88d26dd6d1d4584be0b1f04a2a3fd1e_Shape">
            <a:extLst>
              <a:ext uri="{FF2B5EF4-FFF2-40B4-BE49-F238E27FC236}">
                <a16:creationId xmlns:a16="http://schemas.microsoft.com/office/drawing/2014/main" id="{BC38E1B6-A337-4D61-9583-0E595D747625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2267958" y="2915920"/>
            <a:ext cx="18161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4" name="OTLSHAPE_T_a88d26dd6d1d4584be0b1f04a2a3fd1e_ShapePercentage" hidden="1">
            <a:extLst>
              <a:ext uri="{FF2B5EF4-FFF2-40B4-BE49-F238E27FC236}">
                <a16:creationId xmlns:a16="http://schemas.microsoft.com/office/drawing/2014/main" id="{7F48923E-72AF-4BCE-A0E7-FDFE1CDEC308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2267958" y="29159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5" name="OTLSHAPE_T_a88d26dd6d1d4584be0b1f04a2a3fd1e_Duration" hidden="1">
            <a:extLst>
              <a:ext uri="{FF2B5EF4-FFF2-40B4-BE49-F238E27FC236}">
                <a16:creationId xmlns:a16="http://schemas.microsoft.com/office/drawing/2014/main" id="{12C5FC66-5246-42DC-9E00-08A6EC63680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280890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496" name="OTLSHAPE_T_a88d26dd6d1d4584be0b1f04a2a3fd1e_TextPercentage" hidden="1">
            <a:extLst>
              <a:ext uri="{FF2B5EF4-FFF2-40B4-BE49-F238E27FC236}">
                <a16:creationId xmlns:a16="http://schemas.microsoft.com/office/drawing/2014/main" id="{8E8EA005-F195-4DDF-88EC-0B08C259738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29639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T_a88d26dd6d1d4584be0b1f04a2a3fd1e_StartDate" hidden="1">
            <a:extLst>
              <a:ext uri="{FF2B5EF4-FFF2-40B4-BE49-F238E27FC236}">
                <a16:creationId xmlns:a16="http://schemas.microsoft.com/office/drawing/2014/main" id="{770D2583-64E3-46C9-A256-3FC6E0446A0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29639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T_a88d26dd6d1d4584be0b1f04a2a3fd1e_EndDate" hidden="1">
            <a:extLst>
              <a:ext uri="{FF2B5EF4-FFF2-40B4-BE49-F238E27FC236}">
                <a16:creationId xmlns:a16="http://schemas.microsoft.com/office/drawing/2014/main" id="{4D765E3E-21D6-4D6F-A91C-C78E4D4D0281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0" y="29639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T_a88d26dd6d1d4584be0b1f04a2a3fd1e_Title">
            <a:extLst>
              <a:ext uri="{FF2B5EF4-FFF2-40B4-BE49-F238E27FC236}">
                <a16:creationId xmlns:a16="http://schemas.microsoft.com/office/drawing/2014/main" id="{B17EC1C7-A63B-4DF6-AC04-D1DFB3A5725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25943" y="2808901"/>
            <a:ext cx="219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Report on the Python Language, Alan Turing and my Evaluation</a:t>
            </a:r>
          </a:p>
        </p:txBody>
      </p:sp>
      <p:sp>
        <p:nvSpPr>
          <p:cNvPr id="500" name="OTLSHAPE_T_a88d26dd6d1d4584be0b1f04a2a3fd1e_JoinedDate">
            <a:extLst>
              <a:ext uri="{FF2B5EF4-FFF2-40B4-BE49-F238E27FC236}">
                <a16:creationId xmlns:a16="http://schemas.microsoft.com/office/drawing/2014/main" id="{2F0A24E1-EDCB-4267-B84D-F0A96D37B03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126952" y="290190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Oct 8 - Nov 23</a:t>
            </a:r>
          </a:p>
        </p:txBody>
      </p:sp>
      <p:sp>
        <p:nvSpPr>
          <p:cNvPr id="501" name="OTLSHAPE_T_79adbb0149df443eb6d37e2317035b06_Shape">
            <a:extLst>
              <a:ext uri="{FF2B5EF4-FFF2-40B4-BE49-F238E27FC236}">
                <a16:creationId xmlns:a16="http://schemas.microsoft.com/office/drawing/2014/main" id="{7430BEF6-E955-40CD-AECA-DD5720FAD6F2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4153125" y="3209798"/>
            <a:ext cx="5461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2" name="OTLSHAPE_T_79adbb0149df443eb6d37e2317035b06_ShapePercentage" hidden="1">
            <a:extLst>
              <a:ext uri="{FF2B5EF4-FFF2-40B4-BE49-F238E27FC236}">
                <a16:creationId xmlns:a16="http://schemas.microsoft.com/office/drawing/2014/main" id="{C01CB53B-C03D-4FB1-B012-178E1CB68882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4153125" y="320979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3" name="OTLSHAPE_T_79adbb0149df443eb6d37e2317035b06_Duration" hidden="1">
            <a:extLst>
              <a:ext uri="{FF2B5EF4-FFF2-40B4-BE49-F238E27FC236}">
                <a16:creationId xmlns:a16="http://schemas.microsoft.com/office/drawing/2014/main" id="{F33D5106-51EE-4C51-A8F1-35BDB7F7C44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31880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504" name="OTLSHAPE_T_79adbb0149df443eb6d37e2317035b06_TextPercentage" hidden="1">
            <a:extLst>
              <a:ext uri="{FF2B5EF4-FFF2-40B4-BE49-F238E27FC236}">
                <a16:creationId xmlns:a16="http://schemas.microsoft.com/office/drawing/2014/main" id="{6D4918D0-DE74-4FEC-B145-6F5AD2ADC39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33430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T_79adbb0149df443eb6d37e2317035b06_StartDate" hidden="1">
            <a:extLst>
              <a:ext uri="{FF2B5EF4-FFF2-40B4-BE49-F238E27FC236}">
                <a16:creationId xmlns:a16="http://schemas.microsoft.com/office/drawing/2014/main" id="{CEE07A28-1738-45B5-9EB3-864BF5C93F5E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33430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T_79adbb0149df443eb6d37e2317035b06_EndDate" hidden="1">
            <a:extLst>
              <a:ext uri="{FF2B5EF4-FFF2-40B4-BE49-F238E27FC236}">
                <a16:creationId xmlns:a16="http://schemas.microsoft.com/office/drawing/2014/main" id="{DEDCAFAE-D6A0-468F-B7C5-F92D5BA1665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0" y="33430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T_79adbb0149df443eb6d37e2317035b06_Title">
            <a:extLst>
              <a:ext uri="{FF2B5EF4-FFF2-40B4-BE49-F238E27FC236}">
                <a16:creationId xmlns:a16="http://schemas.microsoft.com/office/drawing/2014/main" id="{9F9F1902-89D2-4402-B461-ED6F059C1994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313024" y="3188039"/>
            <a:ext cx="279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UI Design for the Programmable Turing Machine</a:t>
            </a:r>
          </a:p>
        </p:txBody>
      </p:sp>
      <p:sp>
        <p:nvSpPr>
          <p:cNvPr id="508" name="OTLSHAPE_T_79adbb0149df443eb6d37e2317035b06_JoinedDate">
            <a:extLst>
              <a:ext uri="{FF2B5EF4-FFF2-40B4-BE49-F238E27FC236}">
                <a16:creationId xmlns:a16="http://schemas.microsoft.com/office/drawing/2014/main" id="{3D2217CC-6065-48E7-A43A-AF0FF86613A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4742517" y="3195786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Nov 26 - Dec 9</a:t>
            </a:r>
          </a:p>
        </p:txBody>
      </p:sp>
      <p:sp>
        <p:nvSpPr>
          <p:cNvPr id="509" name="OTLSHAPE_T_7eaa156e87db4d1280b39ae05169c730_Shape">
            <a:extLst>
              <a:ext uri="{FF2B5EF4-FFF2-40B4-BE49-F238E27FC236}">
                <a16:creationId xmlns:a16="http://schemas.microsoft.com/office/drawing/2014/main" id="{43EEDD5E-8CC2-4B9A-A470-C6FB250432F2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4691743" y="3418417"/>
            <a:ext cx="8128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0" name="OTLSHAPE_T_7eaa156e87db4d1280b39ae05169c730_ShapePercentage" hidden="1">
            <a:extLst>
              <a:ext uri="{FF2B5EF4-FFF2-40B4-BE49-F238E27FC236}">
                <a16:creationId xmlns:a16="http://schemas.microsoft.com/office/drawing/2014/main" id="{0EB6B3F3-BA3B-491D-816B-DDBBB1582779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4691743" y="341841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1" name="OTLSHAPE_T_7eaa156e87db4d1280b39ae05169c730_Duration" hidden="1">
            <a:extLst>
              <a:ext uri="{FF2B5EF4-FFF2-40B4-BE49-F238E27FC236}">
                <a16:creationId xmlns:a16="http://schemas.microsoft.com/office/drawing/2014/main" id="{D8BDA459-09F9-487C-B56A-6EB7A0E388CC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33966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512" name="OTLSHAPE_T_7eaa156e87db4d1280b39ae05169c730_TextPercentage" hidden="1">
            <a:extLst>
              <a:ext uri="{FF2B5EF4-FFF2-40B4-BE49-F238E27FC236}">
                <a16:creationId xmlns:a16="http://schemas.microsoft.com/office/drawing/2014/main" id="{6E5A7E65-9513-4282-88DF-58D5D6E8625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35516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T_7eaa156e87db4d1280b39ae05169c730_StartDate" hidden="1">
            <a:extLst>
              <a:ext uri="{FF2B5EF4-FFF2-40B4-BE49-F238E27FC236}">
                <a16:creationId xmlns:a16="http://schemas.microsoft.com/office/drawing/2014/main" id="{63274A68-5C0E-4D14-8D7D-8DFADBFE16C6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0" y="35516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7eaa156e87db4d1280b39ae05169c730_EndDate" hidden="1">
            <a:extLst>
              <a:ext uri="{FF2B5EF4-FFF2-40B4-BE49-F238E27FC236}">
                <a16:creationId xmlns:a16="http://schemas.microsoft.com/office/drawing/2014/main" id="{E82E2E00-BD31-4653-82A0-3B0379092B87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0" y="35516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T_7eaa156e87db4d1280b39ae05169c730_Title">
            <a:extLst>
              <a:ext uri="{FF2B5EF4-FFF2-40B4-BE49-F238E27FC236}">
                <a16:creationId xmlns:a16="http://schemas.microsoft.com/office/drawing/2014/main" id="{4A3D0989-C3F1-499F-A610-85519CE2292C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691963" y="3396657"/>
            <a:ext cx="394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itial Prototype for the Basic Implementation of my Turing Machine</a:t>
            </a:r>
          </a:p>
        </p:txBody>
      </p:sp>
      <p:sp>
        <p:nvSpPr>
          <p:cNvPr id="516" name="OTLSHAPE_T_7eaa156e87db4d1280b39ae05169c730_JoinedDate">
            <a:extLst>
              <a:ext uri="{FF2B5EF4-FFF2-40B4-BE49-F238E27FC236}">
                <a16:creationId xmlns:a16="http://schemas.microsoft.com/office/drawing/2014/main" id="{475C58E8-C184-4206-8188-2534151E17D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550445" y="340440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Dec 10 - Dec 30</a:t>
            </a:r>
          </a:p>
        </p:txBody>
      </p:sp>
      <p:sp>
        <p:nvSpPr>
          <p:cNvPr id="517" name="OTLSHAPE_T_668c3500abbe4396a0df9d2521507737_Shape">
            <a:extLst>
              <a:ext uri="{FF2B5EF4-FFF2-40B4-BE49-F238E27FC236}">
                <a16:creationId xmlns:a16="http://schemas.microsoft.com/office/drawing/2014/main" id="{8830B2D4-829E-496A-897E-171BEF4C9831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5499672" y="3627035"/>
            <a:ext cx="2794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8" name="OTLSHAPE_T_668c3500abbe4396a0df9d2521507737_ShapePercentage" hidden="1">
            <a:extLst>
              <a:ext uri="{FF2B5EF4-FFF2-40B4-BE49-F238E27FC236}">
                <a16:creationId xmlns:a16="http://schemas.microsoft.com/office/drawing/2014/main" id="{A2213E05-AF61-48CF-BBA5-EA4DD34EB392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5499672" y="362703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9" name="OTLSHAPE_T_668c3500abbe4396a0df9d2521507737_Duration" hidden="1">
            <a:extLst>
              <a:ext uri="{FF2B5EF4-FFF2-40B4-BE49-F238E27FC236}">
                <a16:creationId xmlns:a16="http://schemas.microsoft.com/office/drawing/2014/main" id="{80F80405-DD8D-4683-9A71-08695C9B6A8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36052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20" name="OTLSHAPE_T_668c3500abbe4396a0df9d2521507737_TextPercentage" hidden="1">
            <a:extLst>
              <a:ext uri="{FF2B5EF4-FFF2-40B4-BE49-F238E27FC236}">
                <a16:creationId xmlns:a16="http://schemas.microsoft.com/office/drawing/2014/main" id="{E19653AF-15B5-43F2-9563-153C4656A8D0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0" y="3760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668c3500abbe4396a0df9d2521507737_StartDate" hidden="1">
            <a:extLst>
              <a:ext uri="{FF2B5EF4-FFF2-40B4-BE49-F238E27FC236}">
                <a16:creationId xmlns:a16="http://schemas.microsoft.com/office/drawing/2014/main" id="{582975C1-8338-4631-A41E-2E66E199D06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0" y="3760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668c3500abbe4396a0df9d2521507737_EndDate" hidden="1">
            <a:extLst>
              <a:ext uri="{FF2B5EF4-FFF2-40B4-BE49-F238E27FC236}">
                <a16:creationId xmlns:a16="http://schemas.microsoft.com/office/drawing/2014/main" id="{3F08E823-F253-4BCE-AB69-B3DE26264D42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0" y="3760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668c3500abbe4396a0df9d2521507737_Title">
            <a:extLst>
              <a:ext uri="{FF2B5EF4-FFF2-40B4-BE49-F238E27FC236}">
                <a16:creationId xmlns:a16="http://schemas.microsoft.com/office/drawing/2014/main" id="{FE127C34-6337-48BD-94B1-B98336F4D6A9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2438083" y="3605276"/>
            <a:ext cx="302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sting my First Prototype for any Errors in the Code</a:t>
            </a:r>
          </a:p>
        </p:txBody>
      </p:sp>
      <p:sp>
        <p:nvSpPr>
          <p:cNvPr id="524" name="OTLSHAPE_T_668c3500abbe4396a0df9d2521507737_JoinedDate">
            <a:extLst>
              <a:ext uri="{FF2B5EF4-FFF2-40B4-BE49-F238E27FC236}">
                <a16:creationId xmlns:a16="http://schemas.microsoft.com/office/drawing/2014/main" id="{D47A2266-AB72-4C68-8CD7-6C846A0ABC4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5819755" y="361302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Dec 31 - Jan 6</a:t>
            </a:r>
          </a:p>
        </p:txBody>
      </p:sp>
      <p:sp>
        <p:nvSpPr>
          <p:cNvPr id="525" name="OTLSHAPE_T_3a7316e6aa2242adb90eb3b8f745c3bf_Shape">
            <a:extLst>
              <a:ext uri="{FF2B5EF4-FFF2-40B4-BE49-F238E27FC236}">
                <a16:creationId xmlns:a16="http://schemas.microsoft.com/office/drawing/2014/main" id="{D02A2351-9A11-45DE-9173-DDB751FF1D8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5768982" y="3835654"/>
            <a:ext cx="5461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6" name="OTLSHAPE_T_3a7316e6aa2242adb90eb3b8f745c3bf_ShapePercentage" hidden="1">
            <a:extLst>
              <a:ext uri="{FF2B5EF4-FFF2-40B4-BE49-F238E27FC236}">
                <a16:creationId xmlns:a16="http://schemas.microsoft.com/office/drawing/2014/main" id="{72B32BDD-DF42-46EE-962F-904A7D294664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5768982" y="383565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7" name="OTLSHAPE_T_3a7316e6aa2242adb90eb3b8f745c3bf_Duration" hidden="1">
            <a:extLst>
              <a:ext uri="{FF2B5EF4-FFF2-40B4-BE49-F238E27FC236}">
                <a16:creationId xmlns:a16="http://schemas.microsoft.com/office/drawing/2014/main" id="{E2AB15CF-DED9-4365-B809-04230CD215B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38138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528" name="OTLSHAPE_T_3a7316e6aa2242adb90eb3b8f745c3bf_TextPercentage" hidden="1">
            <a:extLst>
              <a:ext uri="{FF2B5EF4-FFF2-40B4-BE49-F238E27FC236}">
                <a16:creationId xmlns:a16="http://schemas.microsoft.com/office/drawing/2014/main" id="{3ECB0E7B-AA18-4380-8560-6740663FDE8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0" y="3968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3a7316e6aa2242adb90eb3b8f745c3bf_StartDate" hidden="1">
            <a:extLst>
              <a:ext uri="{FF2B5EF4-FFF2-40B4-BE49-F238E27FC236}">
                <a16:creationId xmlns:a16="http://schemas.microsoft.com/office/drawing/2014/main" id="{C2A936DD-798C-456F-8C13-A32422BEE14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0" y="3968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3a7316e6aa2242adb90eb3b8f745c3bf_EndDate" hidden="1">
            <a:extLst>
              <a:ext uri="{FF2B5EF4-FFF2-40B4-BE49-F238E27FC236}">
                <a16:creationId xmlns:a16="http://schemas.microsoft.com/office/drawing/2014/main" id="{3C9B97BA-107B-4B5F-BC1A-B979856916F0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0" y="3968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3a7316e6aa2242adb90eb3b8f745c3bf_Title">
            <a:extLst>
              <a:ext uri="{FF2B5EF4-FFF2-40B4-BE49-F238E27FC236}">
                <a16:creationId xmlns:a16="http://schemas.microsoft.com/office/drawing/2014/main" id="{5395B999-BDFC-4677-8A7B-61F37B5E3095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2713277" y="3813895"/>
            <a:ext cx="300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mplementing Extra Features to my Initial Prototype</a:t>
            </a:r>
          </a:p>
        </p:txBody>
      </p:sp>
      <p:sp>
        <p:nvSpPr>
          <p:cNvPr id="532" name="OTLSHAPE_T_3a7316e6aa2242adb90eb3b8f745c3bf_JoinedDate">
            <a:extLst>
              <a:ext uri="{FF2B5EF4-FFF2-40B4-BE49-F238E27FC236}">
                <a16:creationId xmlns:a16="http://schemas.microsoft.com/office/drawing/2014/main" id="{DFA79DA4-5FE9-4EE9-B6E1-64BA74E12C37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358374" y="382164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7 - Jan 20</a:t>
            </a:r>
          </a:p>
        </p:txBody>
      </p:sp>
      <p:sp>
        <p:nvSpPr>
          <p:cNvPr id="533" name="OTLSHAPE_T_192e9d0a2a3e4e2ca96e3457766373d7_Shape">
            <a:extLst>
              <a:ext uri="{FF2B5EF4-FFF2-40B4-BE49-F238E27FC236}">
                <a16:creationId xmlns:a16="http://schemas.microsoft.com/office/drawing/2014/main" id="{04F7ECE5-B198-4C0C-9FB3-C821FD2F6766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6307601" y="4044273"/>
            <a:ext cx="2794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4" name="OTLSHAPE_T_192e9d0a2a3e4e2ca96e3457766373d7_ShapePercentage" hidden="1">
            <a:extLst>
              <a:ext uri="{FF2B5EF4-FFF2-40B4-BE49-F238E27FC236}">
                <a16:creationId xmlns:a16="http://schemas.microsoft.com/office/drawing/2014/main" id="{0CE521D1-9CF8-4B66-A45C-1565DFA448D9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6307601" y="40442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5" name="OTLSHAPE_T_192e9d0a2a3e4e2ca96e3457766373d7_Duration" hidden="1">
            <a:extLst>
              <a:ext uri="{FF2B5EF4-FFF2-40B4-BE49-F238E27FC236}">
                <a16:creationId xmlns:a16="http://schemas.microsoft.com/office/drawing/2014/main" id="{209BDF2A-7442-428B-BD3D-B047F36E06A1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40225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36" name="OTLSHAPE_T_192e9d0a2a3e4e2ca96e3457766373d7_TextPercentage" hidden="1">
            <a:extLst>
              <a:ext uri="{FF2B5EF4-FFF2-40B4-BE49-F238E27FC236}">
                <a16:creationId xmlns:a16="http://schemas.microsoft.com/office/drawing/2014/main" id="{6FA9AC0E-B52A-484F-ADE4-EE3640CCAB02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0" y="4177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T_192e9d0a2a3e4e2ca96e3457766373d7_StartDate" hidden="1">
            <a:extLst>
              <a:ext uri="{FF2B5EF4-FFF2-40B4-BE49-F238E27FC236}">
                <a16:creationId xmlns:a16="http://schemas.microsoft.com/office/drawing/2014/main" id="{01FF9BE6-9FA3-4C2C-B79B-AB17190A732A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0" y="4177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192e9d0a2a3e4e2ca96e3457766373d7_EndDate" hidden="1">
            <a:extLst>
              <a:ext uri="{FF2B5EF4-FFF2-40B4-BE49-F238E27FC236}">
                <a16:creationId xmlns:a16="http://schemas.microsoft.com/office/drawing/2014/main" id="{2EAB4367-6F0B-45FE-8795-96D5CCDD3932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0" y="41775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192e9d0a2a3e4e2ca96e3457766373d7_Title">
            <a:extLst>
              <a:ext uri="{FF2B5EF4-FFF2-40B4-BE49-F238E27FC236}">
                <a16:creationId xmlns:a16="http://schemas.microsoft.com/office/drawing/2014/main" id="{82FF5DD6-70C1-453D-942B-38CFA9F19D57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3195593" y="4022513"/>
            <a:ext cx="307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sting the Additional Features for Errors in the Code</a:t>
            </a:r>
          </a:p>
        </p:txBody>
      </p:sp>
      <p:sp>
        <p:nvSpPr>
          <p:cNvPr id="540" name="OTLSHAPE_T_192e9d0a2a3e4e2ca96e3457766373d7_JoinedDate">
            <a:extLst>
              <a:ext uri="{FF2B5EF4-FFF2-40B4-BE49-F238E27FC236}">
                <a16:creationId xmlns:a16="http://schemas.microsoft.com/office/drawing/2014/main" id="{63FD0B85-78F0-4748-972B-502EE71DFBF8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627683" y="403026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21 - Jan 27</a:t>
            </a:r>
          </a:p>
        </p:txBody>
      </p:sp>
      <p:sp>
        <p:nvSpPr>
          <p:cNvPr id="541" name="OTLSHAPE_T_b183207e267f4839b1c14e7f052d171b_Shape">
            <a:extLst>
              <a:ext uri="{FF2B5EF4-FFF2-40B4-BE49-F238E27FC236}">
                <a16:creationId xmlns:a16="http://schemas.microsoft.com/office/drawing/2014/main" id="{BC078FE8-8B70-4530-B793-F38BCA0EAD76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6576910" y="4252891"/>
            <a:ext cx="2032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2" name="OTLSHAPE_T_b183207e267f4839b1c14e7f052d171b_ShapePercentage" hidden="1">
            <a:extLst>
              <a:ext uri="{FF2B5EF4-FFF2-40B4-BE49-F238E27FC236}">
                <a16:creationId xmlns:a16="http://schemas.microsoft.com/office/drawing/2014/main" id="{32CCF2CB-273B-4217-BFC6-39DCB2FA2F71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6576910" y="425289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3" name="OTLSHAPE_T_b183207e267f4839b1c14e7f052d171b_Duration" hidden="1">
            <a:extLst>
              <a:ext uri="{FF2B5EF4-FFF2-40B4-BE49-F238E27FC236}">
                <a16:creationId xmlns:a16="http://schemas.microsoft.com/office/drawing/2014/main" id="{AA769E4B-62C7-49BD-9BA8-2BB3C7CDA61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0" y="42311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44" name="OTLSHAPE_T_b183207e267f4839b1c14e7f052d171b_TextPercentage" hidden="1">
            <a:extLst>
              <a:ext uri="{FF2B5EF4-FFF2-40B4-BE49-F238E27FC236}">
                <a16:creationId xmlns:a16="http://schemas.microsoft.com/office/drawing/2014/main" id="{6E7143BC-921A-4E24-94A1-801CA05B3E9D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0" y="43861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T_b183207e267f4839b1c14e7f052d171b_StartDate" hidden="1">
            <a:extLst>
              <a:ext uri="{FF2B5EF4-FFF2-40B4-BE49-F238E27FC236}">
                <a16:creationId xmlns:a16="http://schemas.microsoft.com/office/drawing/2014/main" id="{EB3D7FAB-D0BE-4417-8C8F-0B0F67DE7200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0" y="43861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b183207e267f4839b1c14e7f052d171b_EndDate" hidden="1">
            <a:extLst>
              <a:ext uri="{FF2B5EF4-FFF2-40B4-BE49-F238E27FC236}">
                <a16:creationId xmlns:a16="http://schemas.microsoft.com/office/drawing/2014/main" id="{FD542DF6-1396-4E37-81C7-46AB1DC26FAC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0" y="43861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b183207e267f4839b1c14e7f052d171b_Title">
            <a:extLst>
              <a:ext uri="{FF2B5EF4-FFF2-40B4-BE49-F238E27FC236}">
                <a16:creationId xmlns:a16="http://schemas.microsoft.com/office/drawing/2014/main" id="{6174673F-8329-4385-9A7C-5DF4B93FB80D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3661498" y="4231132"/>
            <a:ext cx="287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port on my Evaluation of the Second Milestone</a:t>
            </a:r>
          </a:p>
        </p:txBody>
      </p:sp>
      <p:sp>
        <p:nvSpPr>
          <p:cNvPr id="548" name="OTLSHAPE_T_b183207e267f4839b1c14e7f052d171b_JoinedDate">
            <a:extLst>
              <a:ext uri="{FF2B5EF4-FFF2-40B4-BE49-F238E27FC236}">
                <a16:creationId xmlns:a16="http://schemas.microsoft.com/office/drawing/2014/main" id="{DAA9FF4E-A69E-471B-A8C4-86476C2BB3BD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6820047" y="4238879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28 - Feb 1</a:t>
            </a:r>
          </a:p>
        </p:txBody>
      </p:sp>
      <p:sp>
        <p:nvSpPr>
          <p:cNvPr id="549" name="OTLSHAPE_T_8d1dfe0f51b942988b361a9ccf418b15_Shape">
            <a:extLst>
              <a:ext uri="{FF2B5EF4-FFF2-40B4-BE49-F238E27FC236}">
                <a16:creationId xmlns:a16="http://schemas.microsoft.com/office/drawing/2014/main" id="{98F04292-E8B5-4E4B-A053-B65AF9CB5F18}"/>
              </a:ext>
            </a:extLst>
          </p:cNvPr>
          <p:cNvSpPr/>
          <p:nvPr>
            <p:custDataLst>
              <p:tags r:id="rId165"/>
            </p:custDataLst>
          </p:nvPr>
        </p:nvSpPr>
        <p:spPr>
          <a:xfrm>
            <a:off x="6846219" y="4461510"/>
            <a:ext cx="5461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0" name="OTLSHAPE_T_8d1dfe0f51b942988b361a9ccf418b15_ShapePercentage" hidden="1">
            <a:extLst>
              <a:ext uri="{FF2B5EF4-FFF2-40B4-BE49-F238E27FC236}">
                <a16:creationId xmlns:a16="http://schemas.microsoft.com/office/drawing/2014/main" id="{D95A8926-2369-42EE-AB21-CABA0D326F44}"/>
              </a:ext>
            </a:extLst>
          </p:cNvPr>
          <p:cNvSpPr/>
          <p:nvPr>
            <p:custDataLst>
              <p:tags r:id="rId166"/>
            </p:custDataLst>
          </p:nvPr>
        </p:nvSpPr>
        <p:spPr>
          <a:xfrm>
            <a:off x="6846219" y="446151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1" name="OTLSHAPE_T_8d1dfe0f51b942988b361a9ccf418b15_Duration" hidden="1">
            <a:extLst>
              <a:ext uri="{FF2B5EF4-FFF2-40B4-BE49-F238E27FC236}">
                <a16:creationId xmlns:a16="http://schemas.microsoft.com/office/drawing/2014/main" id="{1ADE4F85-AAA8-455B-8CA7-F5989F7AEF68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0" y="44397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552" name="OTLSHAPE_T_8d1dfe0f51b942988b361a9ccf418b15_TextPercentage" hidden="1">
            <a:extLst>
              <a:ext uri="{FF2B5EF4-FFF2-40B4-BE49-F238E27FC236}">
                <a16:creationId xmlns:a16="http://schemas.microsoft.com/office/drawing/2014/main" id="{98BB3FB6-1F27-4E32-8355-3216ECCEF283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0" y="4594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T_8d1dfe0f51b942988b361a9ccf418b15_StartDate" hidden="1">
            <a:extLst>
              <a:ext uri="{FF2B5EF4-FFF2-40B4-BE49-F238E27FC236}">
                <a16:creationId xmlns:a16="http://schemas.microsoft.com/office/drawing/2014/main" id="{A69C8C01-87D6-4A60-AD72-0383D12479A6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0" y="4594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8d1dfe0f51b942988b361a9ccf418b15_EndDate" hidden="1">
            <a:extLst>
              <a:ext uri="{FF2B5EF4-FFF2-40B4-BE49-F238E27FC236}">
                <a16:creationId xmlns:a16="http://schemas.microsoft.com/office/drawing/2014/main" id="{8EF66400-9F7E-4F40-824B-DC41AAC93005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0" y="4594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8d1dfe0f51b942988b361a9ccf418b15_Title">
            <a:extLst>
              <a:ext uri="{FF2B5EF4-FFF2-40B4-BE49-F238E27FC236}">
                <a16:creationId xmlns:a16="http://schemas.microsoft.com/office/drawing/2014/main" id="{B3ADDBC2-7A4C-4096-8166-CC9EFBCC042B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5001968" y="4439751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sign any Additional Features</a:t>
            </a:r>
          </a:p>
        </p:txBody>
      </p:sp>
      <p:sp>
        <p:nvSpPr>
          <p:cNvPr id="556" name="OTLSHAPE_T_8d1dfe0f51b942988b361a9ccf418b15_JoinedDate">
            <a:extLst>
              <a:ext uri="{FF2B5EF4-FFF2-40B4-BE49-F238E27FC236}">
                <a16:creationId xmlns:a16="http://schemas.microsoft.com/office/drawing/2014/main" id="{CAF62E51-858C-423E-8E39-5B30541AAB70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7435612" y="444749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4 - Feb 17</a:t>
            </a:r>
          </a:p>
        </p:txBody>
      </p:sp>
      <p:sp>
        <p:nvSpPr>
          <p:cNvPr id="557" name="OTLSHAPE_T_1b8905c954f640f2b0d427b0575d5ca2_Shape">
            <a:extLst>
              <a:ext uri="{FF2B5EF4-FFF2-40B4-BE49-F238E27FC236}">
                <a16:creationId xmlns:a16="http://schemas.microsoft.com/office/drawing/2014/main" id="{EC68B5ED-E7AC-4BBE-8EC1-73EC19611860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>
            <a:off x="7384838" y="4670129"/>
            <a:ext cx="8128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8" name="OTLSHAPE_T_1b8905c954f640f2b0d427b0575d5ca2_ShapePercentage" hidden="1">
            <a:extLst>
              <a:ext uri="{FF2B5EF4-FFF2-40B4-BE49-F238E27FC236}">
                <a16:creationId xmlns:a16="http://schemas.microsoft.com/office/drawing/2014/main" id="{60C577C0-1A22-4235-A16A-FEDE745E1EB6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>
            <a:off x="7384838" y="467012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9" name="OTLSHAPE_T_1b8905c954f640f2b0d427b0575d5ca2_Duration" hidden="1">
            <a:extLst>
              <a:ext uri="{FF2B5EF4-FFF2-40B4-BE49-F238E27FC236}">
                <a16:creationId xmlns:a16="http://schemas.microsoft.com/office/drawing/2014/main" id="{E28FB020-6D61-4D94-B3A7-724CEB0A2E55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0" y="464836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560" name="OTLSHAPE_T_1b8905c954f640f2b0d427b0575d5ca2_TextPercentage" hidden="1">
            <a:extLst>
              <a:ext uri="{FF2B5EF4-FFF2-40B4-BE49-F238E27FC236}">
                <a16:creationId xmlns:a16="http://schemas.microsoft.com/office/drawing/2014/main" id="{91F2BDE1-C01F-40C0-A12E-E795CC2BAA88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0" y="48033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T_1b8905c954f640f2b0d427b0575d5ca2_StartDate" hidden="1">
            <a:extLst>
              <a:ext uri="{FF2B5EF4-FFF2-40B4-BE49-F238E27FC236}">
                <a16:creationId xmlns:a16="http://schemas.microsoft.com/office/drawing/2014/main" id="{EA35A4D1-8C5F-4522-9792-65585E828601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0" y="48033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1b8905c954f640f2b0d427b0575d5ca2_EndDate" hidden="1">
            <a:extLst>
              <a:ext uri="{FF2B5EF4-FFF2-40B4-BE49-F238E27FC236}">
                <a16:creationId xmlns:a16="http://schemas.microsoft.com/office/drawing/2014/main" id="{A8AC24DB-9C33-4D5C-A6D0-2B5BAB0A5F93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0" y="48033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1b8905c954f640f2b0d427b0575d5ca2_Title">
            <a:extLst>
              <a:ext uri="{FF2B5EF4-FFF2-40B4-BE49-F238E27FC236}">
                <a16:creationId xmlns:a16="http://schemas.microsoft.com/office/drawing/2014/main" id="{34914400-B0F2-428D-9102-2E7966085CC6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3985980" y="4648369"/>
            <a:ext cx="335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mplement Any Additional Features to my Turing Machine</a:t>
            </a:r>
          </a:p>
        </p:txBody>
      </p:sp>
      <p:sp>
        <p:nvSpPr>
          <p:cNvPr id="564" name="OTLSHAPE_T_1b8905c954f640f2b0d427b0575d5ca2_JoinedDate">
            <a:extLst>
              <a:ext uri="{FF2B5EF4-FFF2-40B4-BE49-F238E27FC236}">
                <a16:creationId xmlns:a16="http://schemas.microsoft.com/office/drawing/2014/main" id="{06E9DFCC-8F32-47B9-9798-794D70ACE1B9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8243540" y="4656116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Feb 18 - Mar 10</a:t>
            </a:r>
          </a:p>
        </p:txBody>
      </p:sp>
      <p:sp>
        <p:nvSpPr>
          <p:cNvPr id="565" name="OTLSHAPE_T_5663782cb08c47eb8f97e2cf9ff58a3c_Shape">
            <a:extLst>
              <a:ext uri="{FF2B5EF4-FFF2-40B4-BE49-F238E27FC236}">
                <a16:creationId xmlns:a16="http://schemas.microsoft.com/office/drawing/2014/main" id="{DA96EE79-E526-4D47-AB60-7361FD66AB51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8192767" y="4878747"/>
            <a:ext cx="2794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6" name="OTLSHAPE_T_5663782cb08c47eb8f97e2cf9ff58a3c_ShapePercentage" hidden="1">
            <a:extLst>
              <a:ext uri="{FF2B5EF4-FFF2-40B4-BE49-F238E27FC236}">
                <a16:creationId xmlns:a16="http://schemas.microsoft.com/office/drawing/2014/main" id="{A9C44962-3A69-409F-B89C-9C1D75E9942B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8192767" y="487874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7" name="OTLSHAPE_T_5663782cb08c47eb8f97e2cf9ff58a3c_Duration" hidden="1">
            <a:extLst>
              <a:ext uri="{FF2B5EF4-FFF2-40B4-BE49-F238E27FC236}">
                <a16:creationId xmlns:a16="http://schemas.microsoft.com/office/drawing/2014/main" id="{AE6267A8-ED4C-40F0-BF97-E8500532CBB1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0" y="48569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68" name="OTLSHAPE_T_5663782cb08c47eb8f97e2cf9ff58a3c_TextPercentage" hidden="1">
            <a:extLst>
              <a:ext uri="{FF2B5EF4-FFF2-40B4-BE49-F238E27FC236}">
                <a16:creationId xmlns:a16="http://schemas.microsoft.com/office/drawing/2014/main" id="{E4989C5D-E604-49D0-8163-C83FF76AE789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0" y="5012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_5663782cb08c47eb8f97e2cf9ff58a3c_StartDate" hidden="1">
            <a:extLst>
              <a:ext uri="{FF2B5EF4-FFF2-40B4-BE49-F238E27FC236}">
                <a16:creationId xmlns:a16="http://schemas.microsoft.com/office/drawing/2014/main" id="{C59B6355-4A5D-48DF-AD11-E51544AEAB00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0" y="5012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5663782cb08c47eb8f97e2cf9ff58a3c_EndDate" hidden="1">
            <a:extLst>
              <a:ext uri="{FF2B5EF4-FFF2-40B4-BE49-F238E27FC236}">
                <a16:creationId xmlns:a16="http://schemas.microsoft.com/office/drawing/2014/main" id="{4435E8D6-570E-489F-8814-9579E789ABA0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0" y="5012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5663782cb08c47eb8f97e2cf9ff58a3c_Title">
            <a:extLst>
              <a:ext uri="{FF2B5EF4-FFF2-40B4-BE49-F238E27FC236}">
                <a16:creationId xmlns:a16="http://schemas.microsoft.com/office/drawing/2014/main" id="{6C3C5688-AD5C-4BC5-9863-7979B20A831B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6747253" y="4856988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est Additional Features</a:t>
            </a:r>
          </a:p>
        </p:txBody>
      </p:sp>
      <p:sp>
        <p:nvSpPr>
          <p:cNvPr id="572" name="OTLSHAPE_T_5663782cb08c47eb8f97e2cf9ff58a3c_JoinedDate">
            <a:extLst>
              <a:ext uri="{FF2B5EF4-FFF2-40B4-BE49-F238E27FC236}">
                <a16:creationId xmlns:a16="http://schemas.microsoft.com/office/drawing/2014/main" id="{EF38BD19-647E-4E6E-8586-380380756ECF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8512849" y="4864735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11 - Mar 17</a:t>
            </a:r>
          </a:p>
        </p:txBody>
      </p:sp>
      <p:sp>
        <p:nvSpPr>
          <p:cNvPr id="573" name="OTLSHAPE_T_b1f451a5513d420c800c97a984c631c7_Shape">
            <a:extLst>
              <a:ext uri="{FF2B5EF4-FFF2-40B4-BE49-F238E27FC236}">
                <a16:creationId xmlns:a16="http://schemas.microsoft.com/office/drawing/2014/main" id="{44213AD9-2264-4DBF-A3A1-445686490445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8462077" y="5087366"/>
            <a:ext cx="4699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4" name="OTLSHAPE_T_b1f451a5513d420c800c97a984c631c7_ShapePercentage" hidden="1">
            <a:extLst>
              <a:ext uri="{FF2B5EF4-FFF2-40B4-BE49-F238E27FC236}">
                <a16:creationId xmlns:a16="http://schemas.microsoft.com/office/drawing/2014/main" id="{F3002627-3938-4446-842F-CDB44FC2D5AB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8462077" y="508736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5" name="OTLSHAPE_T_b1f451a5513d420c800c97a984c631c7_Duration" hidden="1">
            <a:extLst>
              <a:ext uri="{FF2B5EF4-FFF2-40B4-BE49-F238E27FC236}">
                <a16:creationId xmlns:a16="http://schemas.microsoft.com/office/drawing/2014/main" id="{F84CCFC0-60E8-4C3E-BEDF-E8C14B7EA824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0" y="50656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576" name="OTLSHAPE_T_b1f451a5513d420c800c97a984c631c7_TextPercentage" hidden="1">
            <a:extLst>
              <a:ext uri="{FF2B5EF4-FFF2-40B4-BE49-F238E27FC236}">
                <a16:creationId xmlns:a16="http://schemas.microsoft.com/office/drawing/2014/main" id="{245D5C2F-F717-4568-B0DE-5E631435F8D5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0" y="52206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7" name="OTLSHAPE_T_b1f451a5513d420c800c97a984c631c7_StartDate" hidden="1">
            <a:extLst>
              <a:ext uri="{FF2B5EF4-FFF2-40B4-BE49-F238E27FC236}">
                <a16:creationId xmlns:a16="http://schemas.microsoft.com/office/drawing/2014/main" id="{7E961FDF-2359-467F-9EEE-05C29FD8504B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0" y="52206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8" name="OTLSHAPE_T_b1f451a5513d420c800c97a984c631c7_EndDate" hidden="1">
            <a:extLst>
              <a:ext uri="{FF2B5EF4-FFF2-40B4-BE49-F238E27FC236}">
                <a16:creationId xmlns:a16="http://schemas.microsoft.com/office/drawing/2014/main" id="{6EA6E3D8-4CCD-472C-B634-985B3CF46A41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0" y="52206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9" name="OTLSHAPE_T_b1f451a5513d420c800c97a984c631c7_Title">
            <a:extLst>
              <a:ext uri="{FF2B5EF4-FFF2-40B4-BE49-F238E27FC236}">
                <a16:creationId xmlns:a16="http://schemas.microsoft.com/office/drawing/2014/main" id="{E1C95FD6-1229-4250-AE80-60D38086A90E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5241018" y="5065607"/>
            <a:ext cx="317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port on how my Objectives have/have not been met</a:t>
            </a:r>
          </a:p>
        </p:txBody>
      </p:sp>
      <p:sp>
        <p:nvSpPr>
          <p:cNvPr id="580" name="OTLSHAPE_T_b1f451a5513d420c800c97a984c631c7_JoinedDate">
            <a:extLst>
              <a:ext uri="{FF2B5EF4-FFF2-40B4-BE49-F238E27FC236}">
                <a16:creationId xmlns:a16="http://schemas.microsoft.com/office/drawing/2014/main" id="{87A882A0-0E2C-48FC-825F-E968FC1B380A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8974523" y="507335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Mar 18 - Mar 29</a:t>
            </a:r>
          </a:p>
        </p:txBody>
      </p:sp>
      <p:sp>
        <p:nvSpPr>
          <p:cNvPr id="581" name="OTLSHAPE_T_26f7f4242cc2451aa23fca74d6e40b15_Shape">
            <a:extLst>
              <a:ext uri="{FF2B5EF4-FFF2-40B4-BE49-F238E27FC236}">
                <a16:creationId xmlns:a16="http://schemas.microsoft.com/office/drawing/2014/main" id="{AC090AB8-2C50-41BE-B859-E65F9205F08E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>
            <a:off x="9000696" y="5295984"/>
            <a:ext cx="2794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2" name="OTLSHAPE_T_26f7f4242cc2451aa23fca74d6e40b15_ShapePercentage" hidden="1">
            <a:extLst>
              <a:ext uri="{FF2B5EF4-FFF2-40B4-BE49-F238E27FC236}">
                <a16:creationId xmlns:a16="http://schemas.microsoft.com/office/drawing/2014/main" id="{10B55094-8C9A-441A-AFFC-EB436515D806}"/>
              </a:ext>
            </a:extLst>
          </p:cNvPr>
          <p:cNvSpPr/>
          <p:nvPr>
            <p:custDataLst>
              <p:tags r:id="rId198"/>
            </p:custDataLst>
          </p:nvPr>
        </p:nvSpPr>
        <p:spPr>
          <a:xfrm>
            <a:off x="9000696" y="529598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3" name="OTLSHAPE_T_26f7f4242cc2451aa23fca74d6e40b15_Duration" hidden="1">
            <a:extLst>
              <a:ext uri="{FF2B5EF4-FFF2-40B4-BE49-F238E27FC236}">
                <a16:creationId xmlns:a16="http://schemas.microsoft.com/office/drawing/2014/main" id="{C1B0477D-9D82-475E-A191-86FE336E99D8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0" y="52742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84" name="OTLSHAPE_T_26f7f4242cc2451aa23fca74d6e40b15_TextPercentage" hidden="1">
            <a:extLst>
              <a:ext uri="{FF2B5EF4-FFF2-40B4-BE49-F238E27FC236}">
                <a16:creationId xmlns:a16="http://schemas.microsoft.com/office/drawing/2014/main" id="{54D84940-0620-4243-BCC3-657F5ED70E67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0" y="54292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5" name="OTLSHAPE_T_26f7f4242cc2451aa23fca74d6e40b15_StartDate" hidden="1">
            <a:extLst>
              <a:ext uri="{FF2B5EF4-FFF2-40B4-BE49-F238E27FC236}">
                <a16:creationId xmlns:a16="http://schemas.microsoft.com/office/drawing/2014/main" id="{6A875ECA-A1F4-4AD7-A235-4945125CBAFB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0" y="54292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6" name="OTLSHAPE_T_26f7f4242cc2451aa23fca74d6e40b15_EndDate" hidden="1">
            <a:extLst>
              <a:ext uri="{FF2B5EF4-FFF2-40B4-BE49-F238E27FC236}">
                <a16:creationId xmlns:a16="http://schemas.microsoft.com/office/drawing/2014/main" id="{D44A3443-0A93-41B3-826E-168EBC15CDFE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0" y="54292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7" name="OTLSHAPE_T_26f7f4242cc2451aa23fca74d6e40b15_Title">
            <a:extLst>
              <a:ext uri="{FF2B5EF4-FFF2-40B4-BE49-F238E27FC236}">
                <a16:creationId xmlns:a16="http://schemas.microsoft.com/office/drawing/2014/main" id="{EFED3239-B072-4671-A578-A76C91DC543C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6175115" y="5274225"/>
            <a:ext cx="278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paration for what my Presentation will cover</a:t>
            </a:r>
          </a:p>
        </p:txBody>
      </p:sp>
      <p:sp>
        <p:nvSpPr>
          <p:cNvPr id="588" name="OTLSHAPE_T_26f7f4242cc2451aa23fca74d6e40b15_JoinedDate">
            <a:extLst>
              <a:ext uri="{FF2B5EF4-FFF2-40B4-BE49-F238E27FC236}">
                <a16:creationId xmlns:a16="http://schemas.microsoft.com/office/drawing/2014/main" id="{0E257D08-3417-42BF-9692-860072EDE32E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9320778" y="528197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1 - Apr 7</a:t>
            </a:r>
          </a:p>
        </p:txBody>
      </p:sp>
      <p:sp>
        <p:nvSpPr>
          <p:cNvPr id="589" name="OTLSHAPE_T_bb89f9a175224774bf67ec8c747a2382_Shape">
            <a:extLst>
              <a:ext uri="{FF2B5EF4-FFF2-40B4-BE49-F238E27FC236}">
                <a16:creationId xmlns:a16="http://schemas.microsoft.com/office/drawing/2014/main" id="{B9D889DA-68B1-4778-986D-EB731D8E7E5D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9270005" y="5504603"/>
            <a:ext cx="2794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0" name="OTLSHAPE_T_bb89f9a175224774bf67ec8c747a2382_ShapePercentage" hidden="1">
            <a:extLst>
              <a:ext uri="{FF2B5EF4-FFF2-40B4-BE49-F238E27FC236}">
                <a16:creationId xmlns:a16="http://schemas.microsoft.com/office/drawing/2014/main" id="{96BFB87A-7772-465C-A7E6-1C5BD15AB83E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9270005" y="550460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1" name="OTLSHAPE_T_bb89f9a175224774bf67ec8c747a2382_Duration" hidden="1">
            <a:extLst>
              <a:ext uri="{FF2B5EF4-FFF2-40B4-BE49-F238E27FC236}">
                <a16:creationId xmlns:a16="http://schemas.microsoft.com/office/drawing/2014/main" id="{4D183733-7511-44F9-BFD8-3F81187D2B27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0" y="54828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92" name="OTLSHAPE_T_bb89f9a175224774bf67ec8c747a2382_TextPercentage" hidden="1">
            <a:extLst>
              <a:ext uri="{FF2B5EF4-FFF2-40B4-BE49-F238E27FC236}">
                <a16:creationId xmlns:a16="http://schemas.microsoft.com/office/drawing/2014/main" id="{2C69F61E-EB20-4A27-9F93-384E6C78BF50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0" y="56378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3" name="OTLSHAPE_T_bb89f9a175224774bf67ec8c747a2382_StartDate" hidden="1">
            <a:extLst>
              <a:ext uri="{FF2B5EF4-FFF2-40B4-BE49-F238E27FC236}">
                <a16:creationId xmlns:a16="http://schemas.microsoft.com/office/drawing/2014/main" id="{F8E8D31B-740A-49D5-92A0-61576B71F599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0" y="56378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4" name="OTLSHAPE_T_bb89f9a175224774bf67ec8c747a2382_EndDate" hidden="1">
            <a:extLst>
              <a:ext uri="{FF2B5EF4-FFF2-40B4-BE49-F238E27FC236}">
                <a16:creationId xmlns:a16="http://schemas.microsoft.com/office/drawing/2014/main" id="{C7F22659-3E4E-4F4B-9956-4FC736529EF3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0" y="56378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5" name="OTLSHAPE_T_bb89f9a175224774bf67ec8c747a2382_Title">
            <a:extLst>
              <a:ext uri="{FF2B5EF4-FFF2-40B4-BE49-F238E27FC236}">
                <a16:creationId xmlns:a16="http://schemas.microsoft.com/office/drawing/2014/main" id="{6B35AA76-2FF5-465B-A4C7-04798A41D5B4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7740290" y="548284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ing the Presentation</a:t>
            </a:r>
          </a:p>
        </p:txBody>
      </p:sp>
      <p:sp>
        <p:nvSpPr>
          <p:cNvPr id="596" name="OTLSHAPE_T_bb89f9a175224774bf67ec8c747a2382_JoinedDate">
            <a:extLst>
              <a:ext uri="{FF2B5EF4-FFF2-40B4-BE49-F238E27FC236}">
                <a16:creationId xmlns:a16="http://schemas.microsoft.com/office/drawing/2014/main" id="{5481A3D6-4EC0-49B2-B455-37FD019FCFF3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9590088" y="549059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8 - Apr 14</a:t>
            </a:r>
          </a:p>
        </p:txBody>
      </p:sp>
      <p:sp>
        <p:nvSpPr>
          <p:cNvPr id="597" name="OTLSHAPE_T_abf25b948e374b2bbc45cc8816d9245c_Shape">
            <a:extLst>
              <a:ext uri="{FF2B5EF4-FFF2-40B4-BE49-F238E27FC236}">
                <a16:creationId xmlns:a16="http://schemas.microsoft.com/office/drawing/2014/main" id="{531B1979-8750-46E4-82E2-A6F1C93840A9}"/>
              </a:ext>
            </a:extLst>
          </p:cNvPr>
          <p:cNvSpPr/>
          <p:nvPr>
            <p:custDataLst>
              <p:tags r:id="rId213"/>
            </p:custDataLst>
          </p:nvPr>
        </p:nvSpPr>
        <p:spPr>
          <a:xfrm>
            <a:off x="9539315" y="5713222"/>
            <a:ext cx="2794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8" name="OTLSHAPE_T_abf25b948e374b2bbc45cc8816d9245c_ShapePercentage" hidden="1">
            <a:extLst>
              <a:ext uri="{FF2B5EF4-FFF2-40B4-BE49-F238E27FC236}">
                <a16:creationId xmlns:a16="http://schemas.microsoft.com/office/drawing/2014/main" id="{48F4BA16-E236-4556-B4F1-4088466F1E79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9539315" y="571322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9" name="OTLSHAPE_T_abf25b948e374b2bbc45cc8816d9245c_Duration" hidden="1">
            <a:extLst>
              <a:ext uri="{FF2B5EF4-FFF2-40B4-BE49-F238E27FC236}">
                <a16:creationId xmlns:a16="http://schemas.microsoft.com/office/drawing/2014/main" id="{6F4F46AA-B3D0-430E-998E-032B1CC92286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0" y="56914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600" name="OTLSHAPE_T_abf25b948e374b2bbc45cc8816d9245c_TextPercentage" hidden="1">
            <a:extLst>
              <a:ext uri="{FF2B5EF4-FFF2-40B4-BE49-F238E27FC236}">
                <a16:creationId xmlns:a16="http://schemas.microsoft.com/office/drawing/2014/main" id="{7E2C0F87-8F41-49A9-95FF-F28A781722AA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0" y="58464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1" name="OTLSHAPE_T_abf25b948e374b2bbc45cc8816d9245c_StartDate" hidden="1">
            <a:extLst>
              <a:ext uri="{FF2B5EF4-FFF2-40B4-BE49-F238E27FC236}">
                <a16:creationId xmlns:a16="http://schemas.microsoft.com/office/drawing/2014/main" id="{A36EE304-558B-45F7-ABE6-676A66BFABD0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0" y="58464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2" name="OTLSHAPE_T_abf25b948e374b2bbc45cc8816d9245c_EndDate" hidden="1">
            <a:extLst>
              <a:ext uri="{FF2B5EF4-FFF2-40B4-BE49-F238E27FC236}">
                <a16:creationId xmlns:a16="http://schemas.microsoft.com/office/drawing/2014/main" id="{DA72887D-B1EA-45E9-88EB-88126A87CBDF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0" y="58464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3" name="OTLSHAPE_T_abf25b948e374b2bbc45cc8816d9245c_Title">
            <a:extLst>
              <a:ext uri="{FF2B5EF4-FFF2-40B4-BE49-F238E27FC236}">
                <a16:creationId xmlns:a16="http://schemas.microsoft.com/office/drawing/2014/main" id="{D6ECBEB9-8071-4901-BAED-8BCA5A2903D1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7741629" y="5691463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epare a Demo of My Project</a:t>
            </a:r>
          </a:p>
        </p:txBody>
      </p:sp>
      <p:sp>
        <p:nvSpPr>
          <p:cNvPr id="604" name="OTLSHAPE_T_abf25b948e374b2bbc45cc8816d9245c_JoinedDate">
            <a:extLst>
              <a:ext uri="{FF2B5EF4-FFF2-40B4-BE49-F238E27FC236}">
                <a16:creationId xmlns:a16="http://schemas.microsoft.com/office/drawing/2014/main" id="{F854D5CE-CE8D-4FF7-9C32-153D0AAD20AC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9859397" y="569920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>
                <a:solidFill>
                  <a:schemeClr val="dk2"/>
                </a:solidFill>
                <a:latin typeface="Calibri" panose="020F0502020204030204" pitchFamily="34" charset="0"/>
              </a:rPr>
              <a:t>Apr 15 - Apr 21</a:t>
            </a:r>
          </a:p>
        </p:txBody>
      </p:sp>
      <p:sp>
        <p:nvSpPr>
          <p:cNvPr id="605" name="OTLSHAPE_T_590299cf8ebf40d886d76a54f52f6932_Shape">
            <a:extLst>
              <a:ext uri="{FF2B5EF4-FFF2-40B4-BE49-F238E27FC236}">
                <a16:creationId xmlns:a16="http://schemas.microsoft.com/office/drawing/2014/main" id="{8FD20237-82A5-4F7E-B562-34A0F3B385CA}"/>
              </a:ext>
            </a:extLst>
          </p:cNvPr>
          <p:cNvSpPr/>
          <p:nvPr>
            <p:custDataLst>
              <p:tags r:id="rId221"/>
            </p:custDataLst>
          </p:nvPr>
        </p:nvSpPr>
        <p:spPr>
          <a:xfrm>
            <a:off x="9808624" y="5921840"/>
            <a:ext cx="4699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6" name="OTLSHAPE_T_590299cf8ebf40d886d76a54f52f6932_ShapePercentage" hidden="1">
            <a:extLst>
              <a:ext uri="{FF2B5EF4-FFF2-40B4-BE49-F238E27FC236}">
                <a16:creationId xmlns:a16="http://schemas.microsoft.com/office/drawing/2014/main" id="{CD813BCE-61F4-4C92-AFC3-0BE90E8551A9}"/>
              </a:ext>
            </a:extLst>
          </p:cNvPr>
          <p:cNvSpPr/>
          <p:nvPr>
            <p:custDataLst>
              <p:tags r:id="rId222"/>
            </p:custDataLst>
          </p:nvPr>
        </p:nvSpPr>
        <p:spPr>
          <a:xfrm>
            <a:off x="9808624" y="592184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7" name="OTLSHAPE_T_590299cf8ebf40d886d76a54f52f6932_Duration" hidden="1">
            <a:extLst>
              <a:ext uri="{FF2B5EF4-FFF2-40B4-BE49-F238E27FC236}">
                <a16:creationId xmlns:a16="http://schemas.microsoft.com/office/drawing/2014/main" id="{D9DE3D55-51E5-4A16-8299-AB12DAD639C3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0" y="59000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608" name="OTLSHAPE_T_590299cf8ebf40d886d76a54f52f6932_TextPercentage" hidden="1">
            <a:extLst>
              <a:ext uri="{FF2B5EF4-FFF2-40B4-BE49-F238E27FC236}">
                <a16:creationId xmlns:a16="http://schemas.microsoft.com/office/drawing/2014/main" id="{7A9D748C-4398-469E-95C9-0EF6A9C5C454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0" y="60551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9" name="OTLSHAPE_T_590299cf8ebf40d886d76a54f52f6932_StartDate" hidden="1">
            <a:extLst>
              <a:ext uri="{FF2B5EF4-FFF2-40B4-BE49-F238E27FC236}">
                <a16:creationId xmlns:a16="http://schemas.microsoft.com/office/drawing/2014/main" id="{F0453694-A0A0-424B-9957-9CDFC94752F6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0" y="60551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0" name="OTLSHAPE_T_590299cf8ebf40d886d76a54f52f6932_EndDate" hidden="1">
            <a:extLst>
              <a:ext uri="{FF2B5EF4-FFF2-40B4-BE49-F238E27FC236}">
                <a16:creationId xmlns:a16="http://schemas.microsoft.com/office/drawing/2014/main" id="{4B3CAC55-B680-486C-939F-807EE13F73A9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0" y="60551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1" name="OTLSHAPE_T_590299cf8ebf40d886d76a54f52f6932_Title">
            <a:extLst>
              <a:ext uri="{FF2B5EF4-FFF2-40B4-BE49-F238E27FC236}">
                <a16:creationId xmlns:a16="http://schemas.microsoft.com/office/drawing/2014/main" id="{34D8319A-C4C4-4391-A82E-531B94282C34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7596749" y="5900081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ing a Poster for my Presentation</a:t>
            </a:r>
          </a:p>
        </p:txBody>
      </p:sp>
      <p:sp>
        <p:nvSpPr>
          <p:cNvPr id="612" name="OTLSHAPE_T_590299cf8ebf40d886d76a54f52f6932_JoinedDate">
            <a:extLst>
              <a:ext uri="{FF2B5EF4-FFF2-40B4-BE49-F238E27FC236}">
                <a16:creationId xmlns:a16="http://schemas.microsoft.com/office/drawing/2014/main" id="{98C2BAE2-8D5B-49C7-9B64-1ACA4076A087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0321071" y="590782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22 - May 3</a:t>
            </a:r>
          </a:p>
        </p:txBody>
      </p:sp>
      <p:sp>
        <p:nvSpPr>
          <p:cNvPr id="155" name="TextBox 154">
            <a:extLst>
              <a:ext uri="{FF2B5EF4-FFF2-40B4-BE49-F238E27FC236}">
                <a16:creationId xmlns:a16="http://schemas.microsoft.com/office/drawing/2014/main" id="{06EA96D5-6437-4281-8E65-3022AB0B4128}"/>
              </a:ext>
            </a:extLst>
          </p:cNvPr>
          <p:cNvSpPr txBox="1"/>
          <p:nvPr/>
        </p:nvSpPr>
        <p:spPr>
          <a:xfrm>
            <a:off x="4742517" y="270784"/>
            <a:ext cx="12939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Milestone 2</a:t>
            </a:r>
          </a:p>
        </p:txBody>
      </p:sp>
      <p:sp>
        <p:nvSpPr>
          <p:cNvPr id="156" name="TextBox 155">
            <a:extLst>
              <a:ext uri="{FF2B5EF4-FFF2-40B4-BE49-F238E27FC236}">
                <a16:creationId xmlns:a16="http://schemas.microsoft.com/office/drawing/2014/main" id="{67F8282F-7045-4CE4-A478-D11CB89AE251}"/>
              </a:ext>
            </a:extLst>
          </p:cNvPr>
          <p:cNvSpPr txBox="1"/>
          <p:nvPr/>
        </p:nvSpPr>
        <p:spPr>
          <a:xfrm>
            <a:off x="1791111" y="273725"/>
            <a:ext cx="12939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Milestone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140312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NC4wMCIsIkVkaXRpb24iOiJQbHVzIiwiSXNQbHVzRWRpdGlvbiI6dHJ1ZX0sIkVmZmVjdCI6MSwiU3R5bGUiOnsiJGlkIjoiMyIsIlRpbWViYW5kU3R5bGUiOnsiJGlkIjoiNCIsIlNjYWxlTWFya2luZyI6MCwiU2hhcGUiOjMsIlNoYXBlU3R5bGUiOnsiJGlkIjoiNSIsIk1hcmdpbiI6eyIkaWQiOiI2IiwiVG9wIjowLCJMZWZ0IjoxMCwiUmlnaHQiOjEwLCJCb3R0b20iOjB9LCJQYWRkaW5nIjp7IiRpZCI6IjciLCJUb3AiOjMsIkxlZnQiOjAsIlJpZ2h0IjowLCJCb3R0b20iOjN9LCJCYWNrZ3JvdW5kIjp7IiRpZCI6IjgiLCJDb2xvciI6eyIkaWQiOiI5IiwiQSI6MjU1LCJSIjoxNzgsIkciOjE3OCwiQiI6MTc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NjgsIkciOjg0LCJCIjoxMDZ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4OSwiUiI6MCwiRyI6MCwiQiI6MH19LCJJc1Zpc2libGUiOmZhbHN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iIsIlRvcCI6MCwiTGVmdCI6MCwiUmlnaHQiOjAsIkJvdHRvbSI6MH0sIlBhZGRpbmciOnsiJGlkIjoiNzMiLCJUb3AiOjAsIkxlZnQiOjAsIlJpZ2h0IjowLCJCb3R0b20iOjB9LCJCYWNrZ3JvdW5kIjp7IiRpZCI6Ijc0IiwiQ29sb3IiOnsiJHJlZiI6IjI4In19LCJJc1Zpc2libGUiOnRydWUsIldpZHRoIjowLjAsIkhlaWdodCI6MC4wLCJCb3JkZXJTdHlsZSI6bnVsbCwiUGFyZW50U3R5bGUiOm51bGx9LCJEYXRl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SIsIlRvcCI6MCwiTGVmdCI6MCwiUmlnaHQiOjAsIkJvdHRvbSI6MH0sIlBhZGRpbmciOnsiJGlkIjoiODAiLCJUb3AiOjAsIkxlZnQiOjAsIlJpZ2h0IjowLCJCb3R0b20iOjB9LCJCYWNrZ3JvdW5kIjp7IiRpZCI6IjgxIiwiQ29sb3IiOnsiJHJlZiI6IjI4In19LCJJc1Zpc2libGUiOnRydWUsIldpZHRoIjowLjAsIkhlaWdodCI6MC4wLCJCb3JkZXJTdHlsZSI6bnVsbCwiUGFyZW50U3R5bGUiOm51bGx9LCJEYXRlRm9ybWF0Ijp7IiRpZCI6I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yIsIlNoYXBlIjow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4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g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4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O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zMyIsIkxpbmVDb2xvciI6bnVsbCwiTGluZVdlaWdodCI6MC4wLCJMaW5lVHlwZSI6MCwiUGFyZW50U3R5bGUiOm51bGx9LCJQYXJlbnRTdHlsZSI6bnVsbH0sIkR1cmF0aW9uU3R5bGUiOnsiJGlkIjoiMTM0IiwiRm9udFNldHRpbmdzIjp7IiRpZCI6IjEz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M2IiwiTGluZUNvbG9yIjpudWxsLCJMaW5lV2VpZ2h0IjowLjAsIkxpbmVUeXBlIjowLCJQYXJlbnRTdHlsZSI6bnVsbH0sIlBhcmVudFN0eWxlIjpudWxsfSwiSG9yaXpvbnRhbENvbm5lY3RvclN0eWxlIjp7IiRpZCI6IjEzNyIsIkxpbmVDb2xvciI6eyIkcmVmIjoiOTkifSwiTGluZVdlaWdodCI6MS4wLCJMaW5lVHlwZSI6MCwiUGFyZW50U3R5bGUiOm51bGx9LCJWZXJ0aWNhbENvbm5lY3RvclN0eWxlIjp7IiRpZCI6IjEzOC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Q1IiwiTGluZUNvbG9yIjpudWxsLCJMaW5lV2VpZ2h0IjowLjAsIkxpbmVUeXBlIjowLCJQYXJlbnRTdHlsZSI6bnVsbH0sIlBhcmVudFN0eWxlIjpudWxsfSwiRGF0ZVN0eWxlIjp7IiRpZCI6IjE0NiIsIkZvbnRTZXR0aW5ncyI6eyIkaWQiOiIxND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NTMiLCJMaW5lQ29sb3IiOm51bGwsIkxpbmVXZWlnaHQiOjAuMCwiTGluZVR5cGUiOjAsIlBhcmVudFN0eWxlIjpudWxsfSwiUGFyZW50U3R5bGUiOm51bGx9LCJEdXJhdGlvblN0eWxlIjp7IiRpZCI6IjE1NCIsIkZvbnRTZXR0aW5ncyI6eyIkaWQiOiIxNT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1NiIsIkxpbmVDb2xvciI6bnVsbCwiTGluZVdlaWdodCI6MC4wLCJMaW5lVHlwZSI6MCwiUGFyZW50U3R5bGUiOm51bGx9LCJQYXJlbnRTdHlsZSI6bnVsbH0sIkhvcml6b250YWxDb25uZWN0b3JTdHlsZSI6eyIkaWQiOiIxNTciLCJMaW5lQ29sb3IiOnsiJHJlZiI6Ijk5In0sIkxpbmVXZWlnaHQiOjEuMCwiTGluZVR5cGUiOjAsIlBhcmVudFN0eWxlIjpudWxsfSwiVmVydGljYWxDb25uZWN0b3JTdHlsZSI6eyIkaWQiOiIxNTg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TaGFwZVN0eWxlIjp7IiRpZCI6IjE1OSIsIk1hcmdpbiI6eyIkcmVmIjoiMTA1In0sIlBhZGRpbmciOnsiJHJlZiI6IjEwNiJ9LCJCYWNrZ3JvdW5kIjp7IiRpZCI6IjE2MCIsIkNvbG9yIjp7IiRpZCI6IjE2MSIsIkEiOjI1NSwiUiI6MCwiRyI6MTE0LCJCIjoxODh9fSwiSXNWaXNpYmxlIjp0cnVlLCJXaWR0aCI6MC4wLCJIZWlnaHQiOjEwLjAsIkJvcmRlclN0eWxlIjp7IiRpZCI6IjE2MiIsIkxpbmVDb2xvciI6eyIkcmVmIjoiMTEwIn0sIkxpbmVXZWlnaHQiOjAuMCwiTGluZVR5cGUiOjAsIlBhcmVudFN0eWxlIjpudWxsfSwiUGFyZW50U3R5bGUiOm51bGx9LCJUaXRsZVN0eWxlIjp7IiRpZCI6IjE2MyIsIkZvbnRTZXR0aW5ncyI6eyIkaWQiOiIxNjQ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2NSIsIkxpbmVDb2xvciI6bnVsbCwiTGluZVdlaWdodCI6MC4wLCJMaW5lVHlwZSI6MCwiUGFyZW50U3R5bGUiOm51bGx9LCJQYXJlbnRTdHlsZSI6bnVsbH0sIkRhdGVTdHlsZSI6eyIkaWQiOiIxNjYiLCJGb250U2V0dGluZ3MiOnsiJGlkIjoiMTY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3MyIsIkxpbmVDb2xvciI6bnVsbCwiTGluZVdlaWdodCI6MC4wLCJMaW5lVHlwZSI6MCwiUGFyZW50U3R5bGUiOm51bGx9LCJQYXJlbnRTdHlsZSI6bnVsbH0sIkR1cmF0aW9uU3R5bGUiOnsiJGlkIjoiMTc0IiwiRm9udFNldHRpbmdzIjp7IiRpZCI6IjE3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kifSwiTGluZVdlaWdodCI6MS4wLCJMaW5lVHlwZSI6MCwiUGFyZW50U3R5bGUiOm51bGx9LCJWZXJ0aWNhbENvbm5lY3RvclN0eWxlIjp7IiRpZCI6IjE3OC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g1IiwiTGluZUNvbG9yIjpudWxsLCJMaW5lV2VpZ2h0IjowLjAsIkxpbmVUeXBlIjowLCJQYXJlbnRTdHlsZSI6bnVsbH0sIlBhcmVudFN0eWxlIjpudWxsfSwiRGF0ZVN0eWxlIjp7IiRpZCI6IjE4NiIsIkZvbnRTZXR0aW5ncyI6eyIkaWQiOiIxOD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OTMiLCJMaW5lQ29sb3IiOm51bGwsIkxpbmVXZWlnaHQiOjAuMCwiTGluZVR5cGUiOjAsIlBhcmVudFN0eWxlIjpudWxsfSwiUGFyZW50U3R5bGUiOm51bGx9LCJEdXJhdGlvblN0eWxlIjp7IiRpZCI6IjE5NCIsIkZvbnRTZXR0aW5ncyI6eyIkaWQiOiIxOT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5NiIsIkxpbmVDb2xvciI6bnVsbCwiTGluZVdlaWdodCI6MC4wLCJMaW5lVHlwZSI6MCwiUGFyZW50U3R5bGUiOm51bGx9LCJQYXJlbnRTdHlsZSI6bnVsbH0sIkhvcml6b250YWxDb25uZWN0b3JTdHlsZSI6eyIkaWQiOiIxOTciLCJMaW5lQ29sb3IiOnsiJHJlZiI6Ijk5In0sIkxpbmVXZWlnaHQiOjEuMCwiTGluZVR5cGUiOjAsIlBhcmVudFN0eWxlIjpudWxsfSwiVmVydGljYWxDb25uZWN0b3JTdHlsZSI6eyIkaWQiOiIxOTg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TaGFwZVN0eWxlIjp7IiRpZCI6IjE5OSIsIk1hcmdpbiI6eyIkcmVmIjoiMTA1In0sIlBhZGRpbmciOnsiJHJlZiI6IjEwNiJ9LCJCYWNrZ3JvdW5kIjp7IiRpZCI6IjIwMCIsIkNvbG9yIjp7IiRpZCI6IjIwMSIsIkEiOjI1NSwiUiI6MCwiRyI6MTE0LCJCIjoxODh9fSwiSXNWaXNpYmxlIjp0cnVlLCJXaWR0aCI6MC4wLCJIZWlnaHQiOjEwLjAsIkJvcmRlclN0eWxlIjp7IiRpZCI6IjIwMiIsIkxpbmVDb2xvciI6eyIkcmVmIjoiMTEwIn0sIkxpbmVXZWlnaHQiOjAuMCwiTGluZVR5cGUiOjAsIlBhcmVudFN0eWxlIjpudWxsfSwiUGFyZW50U3R5bGUiOm51bGx9LCJUaXRsZVN0eWxlIjp7IiRpZCI6IjIwMyIsIkZvbnRTZXR0aW5ncyI6eyIkaWQiOiIyMDQ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wNSIsIkxpbmVDb2xvciI6bnVsbCwiTGluZVdlaWdodCI6MC4wLCJMaW5lVHlwZSI6MCwiUGFyZW50U3R5bGUiOm51bGx9LCJQYXJlbnRTdHlsZSI6bnVsbH0sIkRhdGVTdHlsZSI6eyIkaWQiOiIyMDYiLCJGb250U2V0dGluZ3MiOnsiJGlkIjoiMjA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MTMiLCJMaW5lQ29sb3IiOm51bGwsIkxpbmVXZWlnaHQiOjAuMCwiTGluZVR5cGUiOjAsIlBhcmVudFN0eWxlIjpudWxsfSwiUGFyZW50U3R5bGUiOm51bGx9LCJEdXJhdGlvblN0eWxlIjp7IiRpZCI6IjIxNCIsIkZvbnRTZXR0aW5ncyI6eyIkaWQiOiIyMT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xNiIsIkxpbmVDb2xvciI6bnVsbCwiTGluZVdlaWdodCI6MC4wLCJMaW5lVHlwZSI6MCwiUGFyZW50U3R5bGUiOm51bGx9LCJQYXJlbnRTdHlsZSI6bnVsbH0sIkhvcml6b250YWxDb25uZWN0b3JTdHlsZSI6eyIkaWQiOiIyMTciLCJMaW5lQ29sb3IiOnsiJHJlZiI6Ijk5In0sIkxpbmVXZWlnaHQiOjEuMCwiTGluZVR5cGUiOjAsIlBhcmVudFN0eWxlIjpudWxsfSwiVmVydGljYWxDb25uZWN0b3JTdHlsZSI6eyIkaWQiOiIyMTg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TaGFwZVN0eWxlIjp7IiRpZCI6IjIxOSIsIk1hcmdpbiI6eyIkcmVmIjoiMTA1In0sIlBhZGRpbmciOnsiJHJlZiI6IjEwNiJ9LCJCYWNrZ3JvdW5kIjp7IiRpZCI6IjIyMCIsIkNvbG9yIjp7IiRpZCI6IjIyMSIsIkEiOjI1NSwiUiI6MCwiRyI6MTE0LCJCIjoxODh9fSwiSXNWaXNpYmxlIjp0cnVlLCJXaWR0aCI6MC4wLCJIZWlnaHQiOjEwLjAsIkJvcmRlclN0eWxlIjp7IiRpZCI6IjIyMiIsIkxpbmVDb2xvciI6eyIkcmVmIjoiMTEwIn0sIkxpbmVXZWlnaHQiOjAuMCwiTGluZVR5cGUiOjAsIlBhcmVudFN0eWxlIjpudWxsfSwiUGFyZW50U3R5bGUiOm51bGx9LCJUaXRsZVN0eWxlIjp7IiRpZCI6IjIyMyIsIkZvbnRTZXR0aW5ncyI6eyIkaWQiOiIyMjQ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MzMiLCJMaW5lQ29sb3IiOm51bGwsIkxpbmVXZWlnaHQiOjAuMCwiTGluZVR5cGUiOjAsIlBhcmVudFN0eWxlIjpudWxsfSwiUGFyZW50U3R5bGUiOm51bGx9LCJEdXJhdGlvblN0eWxlIjp7IiRpZCI6IjIzNCIsIkZvbnRTZXR0aW5ncyI6eyIkaWQiOiIyMz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zNiIsIkxpbmVDb2xvciI6bnVsbCwiTGluZVdlaWdodCI6MC4wLCJMaW5lVHlwZSI6MCwiUGFyZW50U3R5bGUiOm51bGx9LCJQYXJlbnRTdHlsZSI6bnVsbH0sIkhvcml6b250YWxDb25uZWN0b3JTdHlsZSI6eyIkaWQiOiIyMzciLCJMaW5lQ29sb3IiOnsiJHJlZiI6Ijk5In0sIkxpbmVXZWlnaHQiOjEuMCwiTGluZVR5cGUiOjAsIlBhcmVudFN0eWxlIjpudWxsfSwiVmVydGljYWxDb25uZWN0b3JTdHlsZSI6eyIkaWQiOiIyMzg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TaGFwZVN0eWxlIjp7IiRpZCI6IjIzOSIsIk1hcmdpbiI6eyIkcmVmIjoiMTA1In0sIlBhZGRpbmciOnsiJHJlZiI6IjEwNiJ9LCJCYWNrZ3JvdW5kIjp7IiRpZCI6IjI0MCIsIkNvbG9yIjp7IiRpZCI6IjI0MSIsIkEiOjI1NSwiUiI6MCwiRyI6MTE0LCJCIjoxODh9fSwiSXNWaXNpYmxlIjp0cnVlLCJXaWR0aCI6MC4wLCJIZWlnaHQiOjEwLjAsIkJvcmRlclN0eWxlIjp7IiRpZCI6IjI0MiIsIkxpbmVDb2xvciI6eyIkcmVmIjoiMTEwIn0sIkxpbmVXZWlnaHQiOjAuMCwiTGluZVR5cGUiOjAsIlBhcmVudFN0eWxlIjpudWxsfSwiUGFyZW50U3R5bGUiOm51bGx9LCJUaXRsZVN0eWxlIjp7IiRpZCI6IjI0MyIsIkZvbnRTZXR0aW5ncyI6eyIkaWQiOiIyNDQ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0NSIsIkxpbmVDb2xvciI6bnVsbCwiTGluZVdlaWdodCI6MC4wLCJMaW5lVHlwZSI6MCwiUGFyZW50U3R5bGUiOm51bGx9LCJQYXJlbnRTdHlsZSI6bnVsbH0sIkRhdGVTdHlsZSI6eyIkaWQiOiIyNDYiLCJGb250U2V0dGluZ3MiOnsiJGlkIjoiMjQ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UzIiwiTGluZUNvbG9yIjpudWxsLCJMaW5lV2VpZ2h0IjowLjAsIkxpbmVUeXBlIjowLCJQYXJlbnRTdHlsZSI6bnVsbH0sIlBhcmVudFN0eWxlIjpudWxsfSwiRHVyYXRpb25TdHlsZSI6eyIkaWQiOiIyNTQiLCJGb250U2V0dGluZ3MiOnsiJGlkIjoiMjU1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TYiLCJMaW5lQ29sb3IiOm51bGwsIkxpbmVXZWlnaHQiOjAuMCwiTGluZVR5cGUiOjAsIlBhcmVudFN0eWxlIjpudWxsfSwiUGFyZW50U3R5bGUiOm51bGx9LCJIb3Jpem9udGFsQ29ubmVjdG9yU3R5bGUiOnsiJGlkIjoiMjU3IiwiTGluZUNvbG9yIjp7IiRyZWYiOiI5OSJ9LCJMaW5lV2VpZ2h0IjoxLjAsIkxpbmVUeXBlIjowLCJQYXJlbnRTdHlsZSI6bnVsbH0sIlZlcnRpY2FsQ29ubmVjdG9yU3R5bGUiOnsiJGlkIjoiMjU4IiwiTGluZUNvbG9yIjp7IiRyZWYiOiIxMDI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NjUiLCJMaW5lQ29sb3IiOm51bGwsIkxpbmVXZWlnaHQiOjAuMCwiTGluZVR5cGUiOjAsIlBhcmVudFN0eWxlIjpudWxsfSwiUGFyZW50U3R5bGUiOm51bGx9LCJEYXRlU3R5bGUiOnsiJGlkIjoiMjY2IiwiRm9udFNldHRpbmdzIjp7IiRpZCI6IjI2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NzMiLCJMaW5lQ29sb3IiOm51bGwsIkxpbmVXZWlnaHQiOjAuMCwiTGluZVR5cGUiOjAsIlBhcmVudFN0eWxlIjpudWxsfSwiUGFyZW50U3R5bGUiOm51bGx9LCJEdXJhdGlvblN0eWxlIjp7IiRpZCI6IjI3NCIsIkZvbnRTZXR0aW5ncyI6eyIkaWQiOiIyNz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3NiIsIkxpbmVDb2xvciI6bnVsbCwiTGluZVdlaWdodCI6MC4wLCJMaW5lVHlwZSI6MCwiUGFyZW50U3R5bGUiOm51bGx9LCJQYXJlbnRTdHlsZSI6bnVsbH0sIkhvcml6b250YWxDb25uZWN0b3JTdHlsZSI6eyIkaWQiOiIyNzciLCJMaW5lQ29sb3IiOnsiJHJlZiI6Ijk5In0sIkxpbmVXZWlnaHQiOjEuMCwiTGluZVR5cGUiOjAsIlBhcmVudFN0eWxlIjpudWxsfSwiVmVydGljYWxDb25uZWN0b3JTdHlsZSI6eyIkaWQiOiIyNzg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TaGFwZVN0eWxlIjp7IiRpZCI6IjI3OSIsIk1hcmdpbiI6eyIkcmVmIjoiMTA1In0sIlBhZGRpbmciOnsiJHJlZiI6IjEwNiJ9LCJCYWNrZ3JvdW5kIjp7IiRpZCI6IjI4MCIsIkNvbG9yIjp7IiRpZCI6IjI4MSIsIkEiOjI1NSwiUiI6MCwiRyI6MTE0LCJCIjoxODh9fSwiSXNWaXNpYmxlIjp0cnVlLCJXaWR0aCI6MC4wLCJIZWlnaHQiOjEwLjAsIkJvcmRlclN0eWxlIjp7IiRpZCI6IjI4MiIsIkxpbmVDb2xvciI6eyIkcmVmIjoiMTEwIn0sIkxpbmVXZWlnaHQiOjAuMCwiTGluZVR5cGUiOjAsIlBhcmVudFN0eWxlIjpudWxsfSwiUGFyZW50U3R5bGUiOm51bGx9LCJUaXRsZVN0eWxlIjp7IiRpZCI6IjI4MyIsIkZvbnRTZXR0aW5ncyI6eyIkaWQiOiIyODQ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4NSIsIkxpbmVDb2xvciI6bnVsbCwiTGluZVdlaWdodCI6MC4wLCJMaW5lVHlwZSI6MCwiUGFyZW50U3R5bGUiOm51bGx9LCJQYXJlbnRTdHlsZSI6bnVsbH0sIkRhdGVTdHlsZSI6eyIkaWQiOiIyODYiLCJGb250U2V0dGluZ3MiOnsiJGlkIjoiMjg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TMiLCJMaW5lQ29sb3IiOm51bGwsIkxpbmVXZWlnaHQiOjAuMCwiTGluZVR5cGUiOjAsIlBhcmVudFN0eWxlIjpudWxsfSwiUGFyZW50U3R5bGUiOm51bGx9LCJEdXJhdGlvblN0eWxlIjp7IiRpZCI6IjI5NCIsIkZvbnRTZXR0aW5ncyI6eyIkaWQiOiIyOT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5NiIsIkxpbmVDb2xvciI6bnVsbCwiTGluZVdlaWdodCI6MC4wLCJMaW5lVHlwZSI6MCwiUGFyZW50U3R5bGUiOm51bGx9LCJQYXJlbnRTdHlsZSI6bnVsbH0sIkhvcml6b250YWxDb25uZWN0b3JTdHlsZSI6eyIkaWQiOiIyOTciLCJMaW5lQ29sb3IiOnsiJHJlZiI6Ijk5In0sIkxpbmVXZWlnaHQiOjEuMCwiTGluZVR5cGUiOjAsIlBhcmVudFN0eWxlIjpudWxsfSwiVmVydGljYWxDb25uZWN0b3JTdHlsZSI6eyIkaWQiOiIyOTg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TaGFwZVN0eWxlIjp7IiRpZCI6IjI5OSIsIk1hcmdpbiI6eyIkcmVmIjoiMTA1In0sIlBhZGRpbmciOnsiJHJlZiI6IjEwNiJ9LCJCYWNrZ3JvdW5kIjp7IiRpZCI6IjMwMCIsIkNvbG9yIjp7IiRpZCI6IjMwMSIsIkEiOjI1NSwiUiI6MCwiRyI6MTE0LCJCIjoxODh9fSwiSXNWaXNpYmxlIjp0cnVlLCJXaWR0aCI6MC4wLCJIZWlnaHQiOjEwLjAsIkJvcmRlclN0eWxlIjp7IiRpZCI6IjMwMiIsIkxpbmVDb2xvciI6eyIkcmVmIjoiMTEwIn0sIkxpbmVXZWlnaHQiOjAuMCwiTGluZVR5cGUiOjAsIlBhcmVudFN0eWxlIjpudWxsfSwiUGFyZW50U3R5bGUiOm51bGx9LCJUaXRsZVN0eWxlIjp7IiRpZCI6IjMwMyIsIkZvbnRTZXR0aW5ncyI6eyIkaWQiOiIzMDQ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wNSIsIkxpbmVDb2xvciI6bnVsbCwiTGluZVdlaWdodCI6MC4wLCJMaW5lVHlwZSI6MCwiUGFyZW50U3R5bGUiOm51bGx9LCJQYXJlbnRTdHlsZSI6bnVsbH0sIkRhdGVTdHlsZSI6eyIkaWQiOiIzMDYiLCJGb250U2V0dGluZ3MiOnsiJGlkIjoiMzA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TMiLCJMaW5lQ29sb3IiOm51bGwsIkxpbmVXZWlnaHQiOjAuMCwiTGluZVR5cGUiOjAsIlBhcmVudFN0eWxlIjpudWxsfSwiUGFyZW50U3R5bGUiOm51bGx9LCJEdXJhdGlvblN0eWxlIjp7IiRpZCI6IjMxNCIsIkZvbnRTZXR0aW5ncyI6eyIkaWQiOiIzMT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TaGFwZVN0eWxlIjp7IiRpZCI6IjMxOSIsIk1hcmdpbiI6eyIkcmVmIjoiMTA1In0sIlBhZGRpbmciOnsiJHJlZiI6IjEwNiJ9LCJCYWNrZ3JvdW5kIjp7IiRpZCI6IjMyMCIsIkNvbG9yIjp7IiRpZCI6IjMyMSIsIkEiOjI1NSwiUiI6MCwiRyI6MTE0LCJCIjoxODh9fSwiSXNWaXNpYmxlIjp0cnVlLCJXaWR0aCI6MC4wLCJIZWlnaHQiOjEwLjAsIkJvcmRlclN0eWxlIjp7IiRpZCI6IjMyMiIsIkxpbmVDb2xvciI6eyIkcmVmIjoiMTEwIn0sIkxpbmVXZWlnaHQiOjAuMCwiTGluZVR5cGUiOjAsIlBhcmVudFN0eWxlIjpudWxsfSwiUGFyZW50U3R5bGUiOm51bGx9LCJUaXRsZVN0eWxlIjp7IiRpZCI6IjMyMyIsIkZvbnRTZXR0aW5ncyI6eyIkaWQiOiIzMjQ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yNSIsIkxpbmVDb2xvciI6bnVsbCwiTGluZVdlaWdodCI6MC4wLCJMaW5lVHlwZSI6MCwiUGFyZW50U3R5bGUiOm51bGx9LCJQYXJlbnRTdHlsZSI6bnVsbH0sIkRhdGVTdHlsZSI6eyIkaWQiOiIzMjYiLCJGb250U2V0dGluZ3MiOnsiJGlkIjoiMzI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zMiLCJMaW5lQ29sb3IiOm51bGwsIkxpbmVXZWlnaHQiOjAuMCwiTGluZVR5cGUiOjAsIlBhcmVudFN0eWxlIjpudWxsfSwiUGFyZW50U3R5bGUiOm51bGx9LCJEdXJhdGlvblN0eWxlIjp7IiRpZCI6IjMzNCIsIkZvbnRTZXR0aW5ncyI6eyIkaWQiOiIzMz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zNiIsIkxpbmVDb2xvciI6bnVsbCwiTGluZVdlaWdodCI6MC4wLCJMaW5lVHlwZSI6MCwiUGFyZW50U3R5bGUiOm51bGx9LCJQYXJlbnRTdHlsZSI6bnVsbH0sIkhvcml6b250YWxDb25uZWN0b3JTdHlsZSI6eyIkaWQiOiIzMzciLCJMaW5lQ29sb3IiOnsiJHJlZiI6Ijk5In0sIkxpbmVXZWlnaHQiOjEuMCwiTGluZVR5cGUiOjAsIlBhcmVudFN0eWxlIjpudWxsfSwiVmVydGljYWxDb25uZWN0b3JTdHlsZSI6eyIkaWQiOiIzMzg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TaGFwZVN0eWxlIjp7IiRpZCI6IjMzOSIsIk1hcmdpbiI6eyIkcmVmIjoiMTA1In0sIlBhZGRpbmciOnsiJHJlZiI6IjEwNiJ9LCJCYWNrZ3JvdW5kIjp7IiRpZCI6IjM0MCIsIkNvbG9yIjp7IiRpZCI6IjM0MSIsIkEiOjI1NSwiUiI6MCwiRyI6MTE0LCJCIjoxODh9fSwiSXNWaXNpYmxlIjp0cnVlLCJXaWR0aCI6MC4wLCJIZWlnaHQiOjEwLjAsIkJvcmRlclN0eWxlIjp7IiRpZCI6IjM0MiIsIkxpbmVDb2xvciI6eyIkcmVmIjoiMTEwIn0sIkxpbmVXZWlnaHQiOjAuMCwiTGluZVR5cGUiOjAsIlBhcmVudFN0eWxlIjpudWxsfSwiUGFyZW50U3R5bGUiOm51bGx9LCJUaXRsZVN0eWxlIjp7IiRpZCI6IjM0MyIsIkZvbnRTZXR0aW5ncyI6eyIkaWQiOiIzNDQ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UzIiwiTGluZUNvbG9yIjpudWxsLCJMaW5lV2VpZ2h0IjowLjAsIkxpbmVUeXBlIjowLCJQYXJlbnRTdHlsZSI6bnVsbH0sIlBhcmVudFN0eWxlIjpudWxsfSwiRHVyYXRpb25TdHlsZSI6eyIkaWQiOiIzNTQiLCJGb250U2V0dGluZ3MiOnsiJGlkIjoiMzU1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TYiLCJMaW5lQ29sb3IiOm51bGwsIkxpbmVXZWlnaHQiOjAuMCwiTGluZVR5cGUiOjAsIlBhcmVudFN0eWxlIjpudWxsfSwiUGFyZW50U3R5bGUiOm51bGx9LCJIb3Jpem9udGFsQ29ubmVjdG9yU3R5bGUiOnsiJGlkIjoiMzU3IiwiTGluZUNvbG9yIjp7IiRyZWYiOiI5OSJ9LCJMaW5lV2VpZ2h0IjoxLjAsIkxpbmVUeXBlIjowLCJQYXJlbnRTdHlsZSI6bnVsbH0sIlZlcnRpY2FsQ29ubmVjdG9yU3R5bGUiOnsiJGlkIjoiMzU4IiwiTGluZUNvbG9yIjp7IiRyZWYiOiIxMDI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MyIsIkxpbmVDb2xvciI6bnVsbCwiTGluZVdlaWdodCI6MC4wLCJMaW5lVHlwZSI6MCwiUGFyZW50U3R5bGUiOm51bGx9LCJQYXJlbnRTdHlsZSI6bnVsbH0sIkR1cmF0aW9uU3R5bGUiOnsiJGlkIjoiMzc0IiwiRm9udFNldHRpbmdzIjp7IiRpZCI6IjM3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c2IiwiTGluZUNvbG9yIjpudWxsLCJMaW5lV2VpZ2h0IjowLjAsIkxpbmVUeXBlIjowLCJQYXJlbnRTdHlsZSI6bnVsbH0sIlBhcmVudFN0eWxlIjpudWxsfSwiSG9yaXpvbnRhbENvbm5lY3RvclN0eWxlIjp7IiRpZCI6IjM3NyIsIkxpbmVDb2xvciI6eyIkcmVmIjoiOTkifSwiTGluZVdlaWdodCI6MS4wLCJMaW5lVHlwZSI6MCwiUGFyZW50U3R5bGUiOm51bGx9LCJWZXJ0aWNhbENvbm5lY3RvclN0eWxlIjp7IiRpZCI6IjM3OC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g1IiwiTGluZUNvbG9yIjpudWxsLCJMaW5lV2VpZ2h0IjowLjAsIkxpbmVUeXBlIjowLCJQYXJlbnRTdHlsZSI6bnVsbH0sIlBhcmVudFN0eWxlIjpudWxsfSwiRGF0ZVN0eWxlIjp7IiRpZCI6IjM4NiIsIkZvbnRTZXR0aW5ncyI6eyIkaWQiOiIzOD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5NiIsIkxpbmVDb2xvciI6bnVsbCwiTGluZVdlaWdodCI6MC4wLCJMaW5lVHlwZSI6MCwiUGFyZW50U3R5bGUiOm51bGx9LCJQYXJlbnRTdHlsZSI6bnVsbH0sIkhvcml6b250YWxDb25uZWN0b3JTdHlsZSI6eyIkaWQiOiIzOTciLCJMaW5lQ29sb3IiOnsiJHJlZiI6Ijk5In0sIkxpbmVXZWlnaHQiOjEuMCwiTGluZVR5cGUiOjAsIlBhcmVudFN0eWxlIjpudWxsfSwiVmVydGljYWxDb25uZWN0b3JTdHlsZSI6eyIkaWQiOiIzOTg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TaGFwZVN0eWxlIjp7IiRpZCI6IjM5OSIsIk1hcmdpbiI6eyIkcmVmIjoiMTA1In0sIlBhZGRpbmciOnsiJHJlZiI6IjEwNiJ9LCJCYWNrZ3JvdW5kIjp7IiRpZCI6IjQwMCIsIkNvbG9yIjp7IiRpZCI6IjQwMSIsIkEiOjI1NSwiUiI6MCwiRyI6MTE0LCJCIjoxODh9fSwiSXNWaXNpYmxlIjp0cnVlLCJXaWR0aCI6MC4wLCJIZWlnaHQiOjEwLjAsIkJvcmRlclN0eWxlIjp7IiRpZCI6IjQwMiIsIkxpbmVDb2xvciI6eyIkcmVmIjoiMTEwIn0sIkxpbmVXZWlnaHQiOjAuMCwiTGluZVR5cGUiOjAsIlBhcmVudFN0eWxlIjpudWxsfSwiUGFyZW50U3R5bGUiOm51bGx9LCJUaXRsZVN0eWxlIjp7IiRpZCI6IjQwMyIsIkZvbnRTZXR0aW5ncyI6eyIkaWQiOiI0MDQ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wNSIsIkxpbmVDb2xvciI6bnVsbCwiTGluZVdlaWdodCI6MC4wLCJMaW5lVHlwZSI6MCwiUGFyZW50U3R5bGUiOm51bGx9LCJQYXJlbnRTdHlsZSI6bnVsbH0sIkRhdGVTdHlsZSI6eyIkaWQiOiI0MDYiLCJGb250U2V0dGluZ3MiOnsiJGlkIjoiNDA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MTMiLCJMaW5lQ29sb3IiOm51bGwsIkxpbmVXZWlnaHQiOjAuMCwiTGluZVR5cGUiOjAsIlBhcmVudFN0eWxlIjpudWxsfSwiUGFyZW50U3R5bGUiOm51bGx9LCJEdXJhdGlvblN0eWxlIjp7IiRpZCI6IjQxNCIsIkZvbnRTZXR0aW5ncyI6eyIkaWQiOiI0MT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xNiIsIkxpbmVDb2xvciI6bnVsbCwiTGluZVdlaWdodCI6MC4wLCJMaW5lVHlwZSI6MCwiUGFyZW50U3R5bGUiOm51bGx9LCJQYXJlbnRTdHlsZSI6bnVsbH0sIkhvcml6b250YWxDb25uZWN0b3JTdHlsZSI6eyIkaWQiOiI0MTciLCJMaW5lQ29sb3IiOnsiJHJlZiI6Ijk5In0sIkxpbmVXZWlnaHQiOjEuMCwiTGluZVR5cGUiOjAsIlBhcmVudFN0eWxlIjpudWxsfSwiVmVydGljYWxDb25uZWN0b3JTdHlsZSI6eyIkaWQiOiI0MTg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TaGFwZVN0eWxlIjp7IiRpZCI6IjQxOSIsIk1hcmdpbiI6eyIkcmVmIjoiMTA1In0sIlBhZGRpbmciOnsiJHJlZiI6IjEwNiJ9LCJCYWNrZ3JvdW5kIjp7IiRpZCI6IjQyMCIsIkNvbG9yIjp7IiRpZCI6IjQyMSIsIkEiOjI1NSwiUiI6MCwiRyI6MTE0LCJCIjoxODh9fSwiSXNWaXNpYmxlIjp0cnVlLCJXaWR0aCI6MC4wLCJIZWlnaHQiOjEwLjAsIkJvcmRlclN0eWxlIjp7IiRpZCI6IjQyMiIsIkxpbmVDb2xvciI6eyIkcmVmIjoiMTEwIn0sIkxpbmVXZWlnaHQiOjAuMCwiTGluZVR5cGUiOjAsIlBhcmVudFN0eWxlIjpudWxsfSwiUGFyZW50U3R5bGUiOm51bGx9LCJUaXRsZVN0eWxlIjp7IiRpZCI6IjQyMyIsIkZvbnRTZXR0aW5ncyI6eyIkaWQiOiI0MjQ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yNSIsIkxpbmVDb2xvciI6bnVsbCwiTGluZVdlaWdodCI6MC4wLCJMaW5lVHlwZSI6MCwiUGFyZW50U3R5bGUiOm51bGx9LCJQYXJlbnRTdHlsZSI6bnVsbH0sIkRhdGVTdHlsZSI6eyIkaWQiOiI0MjYiLCJGb250U2V0dGluZ3MiOnsiJGlkIjoiNDI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MzMiLCJMaW5lQ29sb3IiOm51bGwsIkxpbmVXZWlnaHQiOjAuMCwiTGluZVR5cGUiOjAsIlBhcmVudFN0eWxlIjpudWxsfSwiUGFyZW50U3R5bGUiOm51bGx9LCJEdXJhdGlvblN0eWxlIjp7IiRpZCI6IjQzNCIsIkZvbnRTZXR0aW5ncyI6eyIkaWQiOiI0Mz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zNiIsIkxpbmVDb2xvciI6bnVsbCwiTGluZVdlaWdodCI6MC4wLCJMaW5lVHlwZSI6MCwiUGFyZW50U3R5bGUiOm51bGx9LCJQYXJlbnRTdHlsZSI6bnVsbH0sIkhvcml6b250YWxDb25uZWN0b3JTdHlsZSI6eyIkaWQiOiI0MzciLCJMaW5lQ29sb3IiOnsiJHJlZiI6Ijk5In0sIkxpbmVXZWlnaHQiOjEuMCwiTGluZVR5cGUiOjAsIlBhcmVudFN0eWxlIjpudWxsfSwiVmVydGljYWxDb25uZWN0b3JTdHlsZSI6eyIkaWQiOiI0MzgiLCJMaW5lQ29sb3IiOnsiJHJlZiI6IjEwMi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0NSIsIkxpbmVDb2xvciI6bnVsbCwiTGluZVdlaWdodCI6MC4wLCJMaW5lVHlwZSI6MCwiUGFyZW50U3R5bGUiOm51bGx9LCJQYXJlbnRTdHlsZSI6bnVsbH0sIkRhdGVTdHlsZSI6eyIkaWQiOiI0NDYiLCJGb250U2V0dGluZ3MiOnsiJGlkIjoiNDQ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1MyIsIkxpbmVDb2xvciI6bnVsbCwiTGluZVdlaWdodCI6MC4wLCJMaW5lVHlwZSI6MCwiUGFyZW50U3R5bGUiOm51bGx9LCJQYXJlbnRTdHlsZSI6bnVsbH0sIkR1cmF0aW9uU3R5bGUiOnsiJGlkIjoiNDU0IiwiRm9udFNldHRpbmdzIjp7IiRpZCI6IjQ1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U2IiwiTGluZUNvbG9yIjpudWxsLCJMaW5lV2VpZ2h0IjowLjAsIkxpbmVUeXBlIjowLCJQYXJlbnRTdHlsZSI6bnVsbH0sIlBhcmVudFN0eWxlIjpudWxsfSwiSG9yaXpvbnRhbENvbm5lY3RvclN0eWxlIjp7IiRpZCI6IjQ1NyIsIkxpbmVDb2xvciI6eyIkcmVmIjoiOTkifSwiTGluZVdlaWdodCI6MS4wLCJMaW5lVHlwZSI6MCwiUGFyZW50U3R5bGUiOm51bGx9LCJWZXJ0aWNhbENvbm5lY3RvclN0eWxlIjp7IiRpZCI6IjQ1OCIsIkxpbmVDb2xvciI6eyIkcmVmIjoiMTAy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Y1IiwiTGluZUNvbG9yIjpudWxsLCJMaW5lV2VpZ2h0IjowLjAsIkxpbmVUeXBlIjowLCJQYXJlbnRTdHlsZSI6bnVsbH0sIlBhcmVudFN0eWxlIjpudWxsfSwiRGF0ZVN0eWxlIjp7IiRpZCI6IjQ2NiIsIkZvbnRTZXR0aW5ncyI6eyIkaWQiOiI0Nj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zIiwiTGluZUNvbG9yIjpudWxsLCJMaW5lV2VpZ2h0IjowLjAsIkxpbmVUeXBlIjowLCJQYXJlbnRTdHlsZSI6bnVsbH0sIlBhcmVudFN0eWxlIjpudWxsfSwiRHVyYXRpb25TdHlsZSI6eyIkaWQiOiI0NzQiLCJGb250U2V0dGluZ3MiOnsiJGlkIjoiNDc1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zYiLCJMaW5lQ29sb3IiOm51bGwsIkxpbmVXZWlnaHQiOjAuMCwiTGluZVR5cGUiOjAsIlBhcmVudFN0eWxlIjpudWxsfSwiUGFyZW50U3R5bGUiOm51bGx9LCJIb3Jpem9udGFsQ29ubmVjdG9yU3R5bGUiOnsiJGlkIjoiNDc3IiwiTGluZUNvbG9yIjp7IiRyZWYiOiI5OSJ9LCJMaW5lV2VpZ2h0IjoxLjAsIkxpbmVUeXBlIjowLCJQYXJlbnRTdHlsZSI6bnVsbH0sIlZlcnRpY2FsQ29ubmVjdG9yU3R5bGUiOnsiJGlkIjoiNDc4IiwiTGluZUNvbG9yIjp7IiRyZWYiOiIxMDI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ODUiLCJMaW5lQ29sb3IiOm51bGwsIkxpbmVXZWlnaHQiOjAuMCwiTGluZVR5cGUiOjAsIlBhcmVudFN0eWxlIjpudWxsfSwiUGFyZW50U3R5bGUiOm51bGx9LCJEYXRlU3R5bGUiOnsiJGlkIjoiNDg2IiwiRm9udFNldHRpbmdzIjp7IiRpZCI6IjQ4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Q5My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2</TotalTime>
  <Words>289</Words>
  <Application>Microsoft Office PowerPoint</Application>
  <PresentationFormat>Widescreen</PresentationFormat>
  <Paragraphs>7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Brindle A P (FCES)</dc:creator>
  <cp:lastModifiedBy>Brindle A P (FCES)</cp:lastModifiedBy>
  <cp:revision>4</cp:revision>
  <dcterms:created xsi:type="dcterms:W3CDTF">2018-11-17T17:31:26Z</dcterms:created>
  <dcterms:modified xsi:type="dcterms:W3CDTF">2018-11-17T19:28:28Z</dcterms:modified>
</cp:coreProperties>
</file>